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474E4B" w:rsidTr="00904864">
        <w:trPr>
          <w:trHeight w:hRule="exact" w:val="1418"/>
        </w:trPr>
        <w:tc>
          <w:tcPr>
            <w:tcW w:w="6804" w:type="dxa"/>
            <w:shd w:val="clear" w:color="auto" w:fill="auto"/>
            <w:vAlign w:val="center"/>
          </w:tcPr>
          <w:p w:rsidR="00522B51" w:rsidRPr="00474E4B" w:rsidRDefault="001C2ACD" w:rsidP="00904864">
            <w:pPr>
              <w:pStyle w:val="EPName"/>
              <w:rPr>
                <w:noProof/>
                <w:color w:val="auto"/>
              </w:rPr>
            </w:pPr>
            <w:bookmarkStart w:id="0" w:name="_GoBack"/>
            <w:bookmarkEnd w:id="0"/>
            <w:r w:rsidRPr="00474E4B">
              <w:rPr>
                <w:color w:val="auto"/>
              </w:rPr>
              <w:t>Parlamentul European</w:t>
            </w:r>
          </w:p>
          <w:p w:rsidR="00522B51" w:rsidRPr="00474E4B" w:rsidRDefault="001D347D" w:rsidP="001D347D">
            <w:pPr>
              <w:pStyle w:val="EPTerm"/>
              <w:rPr>
                <w:rStyle w:val="HideTWBExt"/>
                <w:vanish w:val="0"/>
                <w:color w:val="auto"/>
              </w:rPr>
            </w:pPr>
            <w:r w:rsidRPr="00474E4B">
              <w:t>2014-2019</w:t>
            </w:r>
          </w:p>
        </w:tc>
        <w:tc>
          <w:tcPr>
            <w:tcW w:w="2268" w:type="dxa"/>
            <w:shd w:val="clear" w:color="auto" w:fill="auto"/>
          </w:tcPr>
          <w:p w:rsidR="00522B51" w:rsidRPr="00474E4B" w:rsidRDefault="00803EC3" w:rsidP="00904864">
            <w:pPr>
              <w:pStyle w:val="EPLogo"/>
              <w:rPr>
                <w:noProof/>
              </w:rPr>
            </w:pPr>
            <w:r w:rsidRPr="00474E4B">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75pt">
                  <v:imagedata r:id="rId8" o:title="EP logo RGB_Mute"/>
                </v:shape>
              </w:pict>
            </w:r>
          </w:p>
        </w:tc>
      </w:tr>
    </w:tbl>
    <w:p w:rsidR="00F24D40" w:rsidRPr="00474E4B" w:rsidRDefault="00F24D40" w:rsidP="00F24D40">
      <w:pPr>
        <w:pStyle w:val="LineTop"/>
        <w:rPr>
          <w:noProof/>
        </w:rPr>
      </w:pPr>
    </w:p>
    <w:p w:rsidR="00F24D40" w:rsidRPr="00474E4B" w:rsidRDefault="00F24D40" w:rsidP="00F24D40">
      <w:pPr>
        <w:pStyle w:val="ZCommittee"/>
        <w:rPr>
          <w:noProof/>
        </w:rPr>
      </w:pPr>
      <w:r w:rsidRPr="00474E4B">
        <w:rPr>
          <w:rStyle w:val="HideTWBExt"/>
        </w:rPr>
        <w:t>&lt;</w:t>
      </w:r>
      <w:r w:rsidRPr="00474E4B">
        <w:rPr>
          <w:rStyle w:val="HideTWBExt"/>
          <w:i w:val="0"/>
        </w:rPr>
        <w:t>Commission</w:t>
      </w:r>
      <w:r w:rsidRPr="00474E4B">
        <w:rPr>
          <w:rStyle w:val="HideTWBExt"/>
        </w:rPr>
        <w:t>&gt;</w:t>
      </w:r>
      <w:r w:rsidRPr="00474E4B">
        <w:rPr>
          <w:rStyle w:val="HideTWBInt"/>
        </w:rPr>
        <w:t>{TRAN}</w:t>
      </w:r>
      <w:r w:rsidRPr="00474E4B">
        <w:t xml:space="preserve">Comisia pentru transport </w:t>
      </w:r>
      <w:r w:rsidR="00474E4B" w:rsidRPr="00474E4B">
        <w:t>ș</w:t>
      </w:r>
      <w:r w:rsidRPr="00474E4B">
        <w:t>i turism</w:t>
      </w:r>
      <w:r w:rsidRPr="00474E4B">
        <w:rPr>
          <w:rStyle w:val="HideTWBExt"/>
        </w:rPr>
        <w:t>&lt;/</w:t>
      </w:r>
      <w:r w:rsidRPr="00474E4B">
        <w:rPr>
          <w:rStyle w:val="HideTWBExt"/>
          <w:i w:val="0"/>
        </w:rPr>
        <w:t>Commission</w:t>
      </w:r>
      <w:r w:rsidRPr="00474E4B">
        <w:rPr>
          <w:rStyle w:val="HideTWBExt"/>
        </w:rPr>
        <w:t>&gt;</w:t>
      </w:r>
    </w:p>
    <w:p w:rsidR="00F24D40" w:rsidRPr="00474E4B" w:rsidRDefault="00F24D40" w:rsidP="00F24D40">
      <w:pPr>
        <w:pStyle w:val="LineBottom"/>
        <w:rPr>
          <w:noProof/>
        </w:rPr>
      </w:pPr>
    </w:p>
    <w:p w:rsidR="00CC45A9" w:rsidRPr="00474E4B" w:rsidRDefault="00CC45A9" w:rsidP="00CC45A9">
      <w:pPr>
        <w:pStyle w:val="RefProc"/>
        <w:rPr>
          <w:noProof/>
        </w:rPr>
      </w:pPr>
      <w:r w:rsidRPr="00474E4B">
        <w:rPr>
          <w:rStyle w:val="HideTWBExt"/>
          <w:b w:val="0"/>
        </w:rPr>
        <w:t>&lt;</w:t>
      </w:r>
      <w:r w:rsidRPr="00474E4B">
        <w:rPr>
          <w:rStyle w:val="HideTWBExt"/>
          <w:b w:val="0"/>
          <w:caps w:val="0"/>
        </w:rPr>
        <w:t>RefProc</w:t>
      </w:r>
      <w:r w:rsidRPr="00474E4B">
        <w:rPr>
          <w:rStyle w:val="HideTWBExt"/>
          <w:b w:val="0"/>
        </w:rPr>
        <w:t>&gt;</w:t>
      </w:r>
      <w:r w:rsidRPr="00474E4B">
        <w:t>2018/0229</w:t>
      </w:r>
      <w:r w:rsidRPr="00474E4B">
        <w:rPr>
          <w:rStyle w:val="HideTWBExt"/>
          <w:b w:val="0"/>
        </w:rPr>
        <w:t>&lt;/</w:t>
      </w:r>
      <w:r w:rsidRPr="00474E4B">
        <w:rPr>
          <w:rStyle w:val="HideTWBExt"/>
          <w:b w:val="0"/>
          <w:caps w:val="0"/>
        </w:rPr>
        <w:t>RefProc</w:t>
      </w:r>
      <w:r w:rsidRPr="00474E4B">
        <w:rPr>
          <w:rStyle w:val="HideTWBExt"/>
          <w:b w:val="0"/>
        </w:rPr>
        <w:t>&gt;&lt;</w:t>
      </w:r>
      <w:r w:rsidRPr="00474E4B">
        <w:rPr>
          <w:rStyle w:val="HideTWBExt"/>
          <w:b w:val="0"/>
          <w:caps w:val="0"/>
        </w:rPr>
        <w:t>RefTypeProc</w:t>
      </w:r>
      <w:r w:rsidRPr="00474E4B">
        <w:rPr>
          <w:rStyle w:val="HideTWBExt"/>
          <w:b w:val="0"/>
        </w:rPr>
        <w:t>&gt;</w:t>
      </w:r>
      <w:r w:rsidRPr="00474E4B">
        <w:t>(COD)</w:t>
      </w:r>
      <w:r w:rsidRPr="00474E4B">
        <w:rPr>
          <w:rStyle w:val="HideTWBExt"/>
          <w:b w:val="0"/>
        </w:rPr>
        <w:t>&lt;/</w:t>
      </w:r>
      <w:r w:rsidRPr="00474E4B">
        <w:rPr>
          <w:rStyle w:val="HideTWBExt"/>
          <w:b w:val="0"/>
          <w:caps w:val="0"/>
        </w:rPr>
        <w:t>RefTypeProc</w:t>
      </w:r>
      <w:r w:rsidRPr="00474E4B">
        <w:rPr>
          <w:rStyle w:val="HideTWBExt"/>
          <w:b w:val="0"/>
        </w:rPr>
        <w:t>&gt;</w:t>
      </w:r>
    </w:p>
    <w:p w:rsidR="00CC45A9" w:rsidRPr="00474E4B" w:rsidRDefault="00CC45A9" w:rsidP="00CC45A9">
      <w:pPr>
        <w:pStyle w:val="ZDate"/>
        <w:rPr>
          <w:noProof/>
        </w:rPr>
      </w:pPr>
      <w:r w:rsidRPr="00474E4B">
        <w:rPr>
          <w:rStyle w:val="HideTWBExt"/>
        </w:rPr>
        <w:t>&lt;Date&gt;</w:t>
      </w:r>
      <w:r w:rsidRPr="00474E4B">
        <w:rPr>
          <w:rStyle w:val="HideTWBInt"/>
        </w:rPr>
        <w:t>{21/11/2018}</w:t>
      </w:r>
      <w:r w:rsidRPr="00474E4B">
        <w:t>21.11.2018</w:t>
      </w:r>
      <w:r w:rsidRPr="00474E4B">
        <w:rPr>
          <w:rStyle w:val="HideTWBExt"/>
        </w:rPr>
        <w:t>&lt;/Date&gt;</w:t>
      </w:r>
    </w:p>
    <w:p w:rsidR="00CC45A9" w:rsidRPr="00474E4B" w:rsidRDefault="00CC45A9" w:rsidP="00CC45A9">
      <w:pPr>
        <w:pStyle w:val="TypeDoc"/>
        <w:rPr>
          <w:noProof/>
        </w:rPr>
      </w:pPr>
      <w:r w:rsidRPr="00474E4B">
        <w:rPr>
          <w:rStyle w:val="HideTWBExt"/>
          <w:b w:val="0"/>
        </w:rPr>
        <w:t>&lt;TitreType&gt;</w:t>
      </w:r>
      <w:r w:rsidRPr="00474E4B">
        <w:t>AVIZ</w:t>
      </w:r>
      <w:r w:rsidRPr="00474E4B">
        <w:rPr>
          <w:rStyle w:val="HideTWBExt"/>
          <w:b w:val="0"/>
        </w:rPr>
        <w:t>&lt;/TitreType&gt;</w:t>
      </w:r>
    </w:p>
    <w:p w:rsidR="00CC45A9" w:rsidRPr="00474E4B" w:rsidRDefault="00CC45A9" w:rsidP="00CC45A9">
      <w:pPr>
        <w:pStyle w:val="Cover24"/>
        <w:rPr>
          <w:noProof/>
        </w:rPr>
      </w:pPr>
      <w:r w:rsidRPr="00474E4B">
        <w:rPr>
          <w:rStyle w:val="HideTWBExt"/>
        </w:rPr>
        <w:t>&lt;CommissionResp&gt;</w:t>
      </w:r>
      <w:r w:rsidRPr="00474E4B">
        <w:t xml:space="preserve">al Comisiei pentru transport </w:t>
      </w:r>
      <w:r w:rsidR="00474E4B" w:rsidRPr="00474E4B">
        <w:t>ș</w:t>
      </w:r>
      <w:r w:rsidRPr="00474E4B">
        <w:t>i turism</w:t>
      </w:r>
      <w:r w:rsidRPr="00474E4B">
        <w:rPr>
          <w:rStyle w:val="HideTWBExt"/>
        </w:rPr>
        <w:t>&lt;/CommissionResp&gt;</w:t>
      </w:r>
    </w:p>
    <w:p w:rsidR="00CC45A9" w:rsidRPr="00474E4B" w:rsidRDefault="00CC45A9" w:rsidP="00CC45A9">
      <w:pPr>
        <w:pStyle w:val="Cover24"/>
        <w:rPr>
          <w:noProof/>
        </w:rPr>
      </w:pPr>
      <w:r w:rsidRPr="00474E4B">
        <w:rPr>
          <w:rStyle w:val="HideTWBExt"/>
        </w:rPr>
        <w:t>&lt;CommissionInt&gt;</w:t>
      </w:r>
      <w:r w:rsidRPr="00474E4B">
        <w:t xml:space="preserve">destinat Comisiei pentru bugete </w:t>
      </w:r>
      <w:r w:rsidR="00474E4B" w:rsidRPr="00474E4B">
        <w:t>ș</w:t>
      </w:r>
      <w:r w:rsidRPr="00474E4B">
        <w:t xml:space="preserve">i Comisiei pentru afaceri economice </w:t>
      </w:r>
      <w:r w:rsidR="00474E4B" w:rsidRPr="00474E4B">
        <w:t>ș</w:t>
      </w:r>
      <w:r w:rsidRPr="00474E4B">
        <w:t>i monetare</w:t>
      </w:r>
      <w:r w:rsidRPr="00474E4B">
        <w:rPr>
          <w:rStyle w:val="HideTWBExt"/>
        </w:rPr>
        <w:t>&lt;/CommissionInt&gt;</w:t>
      </w:r>
    </w:p>
    <w:p w:rsidR="00CC45A9" w:rsidRPr="00474E4B" w:rsidRDefault="00CC45A9" w:rsidP="00CC45A9">
      <w:pPr>
        <w:pStyle w:val="CoverNormal"/>
        <w:rPr>
          <w:noProof/>
        </w:rPr>
      </w:pPr>
      <w:r w:rsidRPr="00474E4B">
        <w:rPr>
          <w:rStyle w:val="HideTWBExt"/>
        </w:rPr>
        <w:t>&lt;Titre&gt;</w:t>
      </w:r>
      <w:r w:rsidRPr="00474E4B">
        <w:t xml:space="preserve">referitor la propunerea de regulament al Parlamentului European </w:t>
      </w:r>
      <w:r w:rsidR="00474E4B" w:rsidRPr="00474E4B">
        <w:t>ș</w:t>
      </w:r>
      <w:r w:rsidRPr="00474E4B">
        <w:t>i al Consiliului de instituire a Programului InvestEU</w:t>
      </w:r>
      <w:r w:rsidRPr="00474E4B">
        <w:rPr>
          <w:rStyle w:val="HideTWBExt"/>
        </w:rPr>
        <w:t>&lt;/Titre&gt;</w:t>
      </w:r>
    </w:p>
    <w:p w:rsidR="00CC45A9" w:rsidRPr="00474E4B" w:rsidRDefault="00CC45A9" w:rsidP="00CC45A9">
      <w:pPr>
        <w:pStyle w:val="Cover24"/>
        <w:rPr>
          <w:noProof/>
        </w:rPr>
      </w:pPr>
      <w:r w:rsidRPr="00474E4B">
        <w:rPr>
          <w:rStyle w:val="HideTWBExt"/>
        </w:rPr>
        <w:t>&lt;DocRef&gt;</w:t>
      </w:r>
      <w:r w:rsidRPr="00474E4B">
        <w:t>(COM(2018)0439 – C8-0257/2018 – 2018/0229(COD))</w:t>
      </w:r>
      <w:r w:rsidRPr="00474E4B">
        <w:rPr>
          <w:rStyle w:val="HideTWBExt"/>
        </w:rPr>
        <w:t>&lt;/DocRef&gt;</w:t>
      </w:r>
    </w:p>
    <w:p w:rsidR="00CC45A9" w:rsidRPr="00474E4B" w:rsidRDefault="00CC45A9" w:rsidP="00CC45A9">
      <w:pPr>
        <w:pStyle w:val="Cover24"/>
        <w:rPr>
          <w:noProof/>
        </w:rPr>
      </w:pPr>
      <w:r w:rsidRPr="00474E4B">
        <w:t xml:space="preserve">Raportor pentru aviz (*): </w:t>
      </w:r>
      <w:r w:rsidRPr="00474E4B">
        <w:rPr>
          <w:rStyle w:val="HideTWBExt"/>
        </w:rPr>
        <w:t>&lt;Depute&gt;</w:t>
      </w:r>
      <w:r w:rsidRPr="00474E4B">
        <w:t>Wim van de Camp</w:t>
      </w:r>
      <w:r w:rsidRPr="00474E4B">
        <w:rPr>
          <w:rStyle w:val="HideTWBExt"/>
        </w:rPr>
        <w:t>&lt;/Depute&gt;</w:t>
      </w:r>
    </w:p>
    <w:p w:rsidR="00CC45A9" w:rsidRPr="00474E4B" w:rsidRDefault="00CC45A9" w:rsidP="00CC45A9">
      <w:pPr>
        <w:pStyle w:val="CoverNormal"/>
        <w:rPr>
          <w:noProof/>
        </w:rPr>
      </w:pPr>
      <w:r w:rsidRPr="00474E4B">
        <w:t>(*)</w:t>
      </w:r>
      <w:r w:rsidRPr="00474E4B">
        <w:tab/>
        <w:t>Procedura comisiilor asociate – articolul 54 din Regulamentul de procedură</w:t>
      </w:r>
    </w:p>
    <w:p w:rsidR="00CC45A9" w:rsidRPr="00474E4B" w:rsidRDefault="00CC45A9" w:rsidP="00CC45A9">
      <w:pPr>
        <w:tabs>
          <w:tab w:val="center" w:pos="4677"/>
        </w:tabs>
        <w:rPr>
          <w:noProof/>
        </w:rPr>
      </w:pPr>
      <w:r w:rsidRPr="00474E4B">
        <w:br w:type="page"/>
      </w:r>
    </w:p>
    <w:p w:rsidR="00CC45A9" w:rsidRPr="00474E4B" w:rsidRDefault="00CC45A9" w:rsidP="00CC45A9">
      <w:pPr>
        <w:tabs>
          <w:tab w:val="center" w:pos="4677"/>
        </w:tabs>
        <w:rPr>
          <w:noProof/>
        </w:rPr>
      </w:pPr>
      <w:r w:rsidRPr="00474E4B">
        <w:t>PA_Legam</w:t>
      </w:r>
    </w:p>
    <w:p w:rsidR="00CC45A9" w:rsidRPr="00474E4B" w:rsidRDefault="00CC45A9" w:rsidP="00CC45A9">
      <w:pPr>
        <w:pStyle w:val="PageHeadingNotTOC"/>
        <w:rPr>
          <w:noProof/>
        </w:rPr>
      </w:pPr>
      <w:r w:rsidRPr="00474E4B">
        <w:br w:type="page"/>
      </w:r>
      <w:r w:rsidRPr="00474E4B">
        <w:lastRenderedPageBreak/>
        <w:t>JUSTIFICARE SUCCINTĂ</w:t>
      </w:r>
    </w:p>
    <w:p w:rsidR="00CC45A9" w:rsidRPr="00474E4B" w:rsidRDefault="00CC45A9" w:rsidP="00CC45A9">
      <w:pPr>
        <w:shd w:val="clear" w:color="auto" w:fill="FBFBFB"/>
        <w:spacing w:after="180"/>
        <w:rPr>
          <w:rFonts w:ascii="Arial" w:hAnsi="Arial" w:cs="Arial"/>
          <w:noProof/>
          <w:sz w:val="18"/>
          <w:szCs w:val="18"/>
        </w:rPr>
      </w:pPr>
    </w:p>
    <w:p w:rsidR="00CC45A9" w:rsidRPr="00474E4B" w:rsidRDefault="00CC45A9" w:rsidP="00CC45A9">
      <w:pPr>
        <w:shd w:val="clear" w:color="auto" w:fill="FBFBFB"/>
        <w:spacing w:after="180"/>
        <w:rPr>
          <w:b/>
          <w:noProof/>
        </w:rPr>
      </w:pPr>
      <w:r w:rsidRPr="00474E4B">
        <w:rPr>
          <w:b/>
        </w:rPr>
        <w:t xml:space="preserve">Context </w:t>
      </w:r>
    </w:p>
    <w:p w:rsidR="00CC45A9" w:rsidRPr="00474E4B" w:rsidRDefault="00CC45A9" w:rsidP="00CC45A9">
      <w:pPr>
        <w:shd w:val="clear" w:color="auto" w:fill="FBFBFB"/>
        <w:spacing w:after="180"/>
        <w:jc w:val="both"/>
        <w:rPr>
          <w:noProof/>
        </w:rPr>
      </w:pPr>
      <w:r w:rsidRPr="00474E4B">
        <w:t>Prin Programul InvestEU, Comisia urmăre</w:t>
      </w:r>
      <w:r w:rsidR="00474E4B" w:rsidRPr="00474E4B">
        <w:t>ș</w:t>
      </w:r>
      <w:r w:rsidRPr="00474E4B">
        <w:t>te să mobilizeze investi</w:t>
      </w:r>
      <w:r w:rsidR="00474E4B" w:rsidRPr="00474E4B">
        <w:t>ț</w:t>
      </w:r>
      <w:r w:rsidRPr="00474E4B">
        <w:t xml:space="preserve">ii publice </w:t>
      </w:r>
      <w:r w:rsidR="00474E4B" w:rsidRPr="00474E4B">
        <w:t>ș</w:t>
      </w:r>
      <w:r w:rsidRPr="00474E4B">
        <w:t>i private pentru a remedia lacunele existente în materie de investi</w:t>
      </w:r>
      <w:r w:rsidR="00474E4B" w:rsidRPr="00474E4B">
        <w:t>ț</w:t>
      </w:r>
      <w:r w:rsidRPr="00474E4B">
        <w:t xml:space="preserve">ii în domenii precum transportul durabil </w:t>
      </w:r>
      <w:r w:rsidR="00474E4B" w:rsidRPr="00474E4B">
        <w:t>ș</w:t>
      </w:r>
      <w:r w:rsidRPr="00474E4B">
        <w:t xml:space="preserve">i noile modele de mobilitate, energia din surse regenerabile </w:t>
      </w:r>
      <w:r w:rsidR="00474E4B" w:rsidRPr="00474E4B">
        <w:t>ș</w:t>
      </w:r>
      <w:r w:rsidRPr="00474E4B">
        <w:t>i eficien</w:t>
      </w:r>
      <w:r w:rsidR="00474E4B" w:rsidRPr="00474E4B">
        <w:t>ț</w:t>
      </w:r>
      <w:r w:rsidRPr="00474E4B">
        <w:t xml:space="preserve">a energetică, conectivitatea </w:t>
      </w:r>
      <w:r w:rsidR="00474E4B" w:rsidRPr="00474E4B">
        <w:t>ș</w:t>
      </w:r>
      <w:r w:rsidRPr="00474E4B">
        <w:t xml:space="preserve">i tehnologiile digitale, cercetarea </w:t>
      </w:r>
      <w:r w:rsidR="00474E4B" w:rsidRPr="00474E4B">
        <w:t>ș</w:t>
      </w:r>
      <w:r w:rsidRPr="00474E4B">
        <w:t xml:space="preserve">i inovarea, clima, mediul </w:t>
      </w:r>
      <w:r w:rsidR="00474E4B" w:rsidRPr="00474E4B">
        <w:t>ș</w:t>
      </w:r>
      <w:r w:rsidRPr="00474E4B">
        <w:t>i resursele, educa</w:t>
      </w:r>
      <w:r w:rsidR="00474E4B" w:rsidRPr="00474E4B">
        <w:t>ț</w:t>
      </w:r>
      <w:r w:rsidRPr="00474E4B">
        <w:t xml:space="preserve">ia </w:t>
      </w:r>
      <w:r w:rsidR="00474E4B" w:rsidRPr="00474E4B">
        <w:t>ș</w:t>
      </w:r>
      <w:r w:rsidRPr="00474E4B">
        <w:t>i competen</w:t>
      </w:r>
      <w:r w:rsidR="00474E4B" w:rsidRPr="00474E4B">
        <w:t>ț</w:t>
      </w:r>
      <w:r w:rsidRPr="00474E4B">
        <w:t xml:space="preserve">ele, precum </w:t>
      </w:r>
      <w:r w:rsidR="00474E4B" w:rsidRPr="00474E4B">
        <w:t>ș</w:t>
      </w:r>
      <w:r w:rsidRPr="00474E4B">
        <w:t xml:space="preserve">i dezvoltarea IMM-urilor. Prin sprijinirea proiectelor în aceste domenii, programul va contribui la îndeplinirea obiectivelor de politică ale UE în materie de sustenabilitate, în special de climă, competitivitate </w:t>
      </w:r>
      <w:r w:rsidR="00474E4B" w:rsidRPr="00474E4B">
        <w:t>ș</w:t>
      </w:r>
      <w:r w:rsidRPr="00474E4B">
        <w:t>i cre</w:t>
      </w:r>
      <w:r w:rsidR="00474E4B" w:rsidRPr="00474E4B">
        <w:t>ș</w:t>
      </w:r>
      <w:r w:rsidRPr="00474E4B">
        <w:t>tere favorabilă incluziunii. Fondul InvestUE va oferi o garan</w:t>
      </w:r>
      <w:r w:rsidR="00474E4B" w:rsidRPr="00474E4B">
        <w:t>ț</w:t>
      </w:r>
      <w:r w:rsidRPr="00474E4B">
        <w:t>ie europeană de 38 de miliarde EUR pentru a sprijini proiecte prin opera</w:t>
      </w:r>
      <w:r w:rsidR="00474E4B" w:rsidRPr="00474E4B">
        <w:t>ț</w:t>
      </w:r>
      <w:r w:rsidRPr="00474E4B">
        <w:t>iuni de finan</w:t>
      </w:r>
      <w:r w:rsidR="00474E4B" w:rsidRPr="00474E4B">
        <w:t>ț</w:t>
      </w:r>
      <w:r w:rsidRPr="00474E4B">
        <w:t xml:space="preserve">are </w:t>
      </w:r>
      <w:r w:rsidR="00474E4B" w:rsidRPr="00474E4B">
        <w:t>ș</w:t>
      </w:r>
      <w:r w:rsidRPr="00474E4B">
        <w:t>i de investi</w:t>
      </w:r>
      <w:r w:rsidR="00474E4B" w:rsidRPr="00474E4B">
        <w:t>ț</w:t>
      </w:r>
      <w:r w:rsidRPr="00474E4B">
        <w:t>ii în cadrul programului. Garan</w:t>
      </w:r>
      <w:r w:rsidR="00474E4B" w:rsidRPr="00474E4B">
        <w:t>ț</w:t>
      </w:r>
      <w:r w:rsidRPr="00474E4B">
        <w:t>ia corespunde unei alocări de 15,2 miliarde EUR din bugetul UE, ceea ce reprezintă o rată de aprovizionare de 40 %. Fondul InvestUE func</w:t>
      </w:r>
      <w:r w:rsidR="00474E4B" w:rsidRPr="00474E4B">
        <w:t>ț</w:t>
      </w:r>
      <w:r w:rsidRPr="00474E4B">
        <w:t xml:space="preserve">ionează prin intermediul a patru componente de politică: infrastructura durabilă; cercetarea, inovarea </w:t>
      </w:r>
      <w:r w:rsidR="00474E4B" w:rsidRPr="00474E4B">
        <w:t>ș</w:t>
      </w:r>
      <w:r w:rsidRPr="00474E4B">
        <w:t xml:space="preserve">i digitalizarea; IMM-urile; </w:t>
      </w:r>
      <w:r w:rsidR="00474E4B" w:rsidRPr="00474E4B">
        <w:t>ș</w:t>
      </w:r>
      <w:r w:rsidRPr="00474E4B">
        <w:t>i investi</w:t>
      </w:r>
      <w:r w:rsidR="00474E4B" w:rsidRPr="00474E4B">
        <w:t>ț</w:t>
      </w:r>
      <w:r w:rsidRPr="00474E4B">
        <w:t xml:space="preserve">iile sociale </w:t>
      </w:r>
      <w:r w:rsidR="00474E4B" w:rsidRPr="00474E4B">
        <w:t>ș</w:t>
      </w:r>
      <w:r w:rsidRPr="00474E4B">
        <w:t>i competen</w:t>
      </w:r>
      <w:r w:rsidR="00474E4B" w:rsidRPr="00474E4B">
        <w:t>ț</w:t>
      </w:r>
      <w:r w:rsidRPr="00474E4B">
        <w:t xml:space="preserve">ele. </w:t>
      </w:r>
    </w:p>
    <w:p w:rsidR="00CC45A9" w:rsidRPr="00474E4B" w:rsidRDefault="00CC45A9" w:rsidP="00CC45A9">
      <w:pPr>
        <w:shd w:val="clear" w:color="auto" w:fill="FBFBFB"/>
        <w:spacing w:after="180"/>
        <w:jc w:val="both"/>
        <w:rPr>
          <w:noProof/>
        </w:rPr>
      </w:pPr>
      <w:r w:rsidRPr="00474E4B">
        <w:t xml:space="preserve">Transportul este inclus, în principal, în „componenta pentru infrastructură durabilă”, care vizează infrastructura, activele mobile </w:t>
      </w:r>
      <w:r w:rsidR="00474E4B" w:rsidRPr="00474E4B">
        <w:t>ș</w:t>
      </w:r>
      <w:r w:rsidRPr="00474E4B">
        <w:t xml:space="preserve">i utilizarea tehnologiilor inovatoare. Această componentă include </w:t>
      </w:r>
      <w:r w:rsidR="00474E4B" w:rsidRPr="00474E4B">
        <w:t>ș</w:t>
      </w:r>
      <w:r w:rsidRPr="00474E4B">
        <w:t>i alte domenii precum energia, conectivitatea digitală, spa</w:t>
      </w:r>
      <w:r w:rsidR="00474E4B" w:rsidRPr="00474E4B">
        <w:t>ț</w:t>
      </w:r>
      <w:r w:rsidRPr="00474E4B">
        <w:t>iul sau mediul. Investi</w:t>
      </w:r>
      <w:r w:rsidR="00474E4B" w:rsidRPr="00474E4B">
        <w:t>ț</w:t>
      </w:r>
      <w:r w:rsidRPr="00474E4B">
        <w:t>iile care beneficiază de sprijin trebuie să contribuie la îndeplinirea obiectivelor de sustenabilitate a mediului sau de sustenabilitate socială ale UE. O parte din suma de 11,5 miliarde EUR, care reprezintă 30 % din garan</w:t>
      </w:r>
      <w:r w:rsidR="00474E4B" w:rsidRPr="00474E4B">
        <w:t>ț</w:t>
      </w:r>
      <w:r w:rsidRPr="00474E4B">
        <w:t>ia globală a UE, va sprijini această componentă; ea corespunde unei alocări de 4,6 miliarde EUR din bugetul UE. Având în vedere că Programul InvestUE urmăre</w:t>
      </w:r>
      <w:r w:rsidR="00474E4B" w:rsidRPr="00474E4B">
        <w:t>ș</w:t>
      </w:r>
      <w:r w:rsidRPr="00474E4B">
        <w:t>te în mod specific să sprijine dezvoltarea infrastructurii TEN-T, ar trebui remarcat faptul că el înlocuie</w:t>
      </w:r>
      <w:r w:rsidR="00474E4B" w:rsidRPr="00474E4B">
        <w:t>ș</w:t>
      </w:r>
      <w:r w:rsidRPr="00474E4B">
        <w:t>te, de asemenea, instrumentele financiare care au făcut anterior parte din MIE.</w:t>
      </w:r>
      <w:r w:rsidR="00474E4B" w:rsidRPr="00474E4B">
        <w:t xml:space="preserve"> </w:t>
      </w:r>
    </w:p>
    <w:p w:rsidR="00CC45A9" w:rsidRPr="00474E4B" w:rsidRDefault="00CC45A9" w:rsidP="00CC45A9">
      <w:pPr>
        <w:shd w:val="clear" w:color="auto" w:fill="FBFBFB"/>
        <w:spacing w:after="180"/>
        <w:jc w:val="both"/>
        <w:rPr>
          <w:noProof/>
        </w:rPr>
      </w:pPr>
      <w:r w:rsidRPr="00474E4B">
        <w:t xml:space="preserve">Programul InvestEU urmează </w:t>
      </w:r>
      <w:r w:rsidR="00474E4B" w:rsidRPr="00474E4B">
        <w:t>ș</w:t>
      </w:r>
      <w:r w:rsidRPr="00474E4B">
        <w:t>i înlocuie</w:t>
      </w:r>
      <w:r w:rsidR="00474E4B" w:rsidRPr="00474E4B">
        <w:t>ș</w:t>
      </w:r>
      <w:r w:rsidRPr="00474E4B">
        <w:t xml:space="preserve">te actualul FEIS, care, în cadrul componentei pentru infrastructură </w:t>
      </w:r>
      <w:r w:rsidR="00474E4B" w:rsidRPr="00474E4B">
        <w:t>ș</w:t>
      </w:r>
      <w:r w:rsidRPr="00474E4B">
        <w:t>i inovare, a sprijinit proiecte în domeniul transporturilor care au beneficiat de o finan</w:t>
      </w:r>
      <w:r w:rsidR="00474E4B" w:rsidRPr="00474E4B">
        <w:t>ț</w:t>
      </w:r>
      <w:r w:rsidRPr="00474E4B">
        <w:t xml:space="preserve">are din partea FEIS de aproximativ 8 miliarde EUR </w:t>
      </w:r>
      <w:r w:rsidR="00474E4B" w:rsidRPr="00474E4B">
        <w:t>ș</w:t>
      </w:r>
      <w:r w:rsidRPr="00474E4B">
        <w:t>i a condus la investi</w:t>
      </w:r>
      <w:r w:rsidR="00474E4B" w:rsidRPr="00474E4B">
        <w:t>ț</w:t>
      </w:r>
      <w:r w:rsidRPr="00474E4B">
        <w:t>ii totale de aproximativ 24 miliarde EUR, ceea ce reprezintă un procentaj de 13 % din investi</w:t>
      </w:r>
      <w:r w:rsidR="00474E4B" w:rsidRPr="00474E4B">
        <w:t>ț</w:t>
      </w:r>
      <w:r w:rsidRPr="00474E4B">
        <w:t>iile sprijinite în cadrul acestei componente, până în primăvara anului 2018. Mai multe proiecte de transport sprijinite de FEIS vor contribui în continuare la bilan</w:t>
      </w:r>
      <w:r w:rsidR="00474E4B" w:rsidRPr="00474E4B">
        <w:t>ț</w:t>
      </w:r>
      <w:r w:rsidRPr="00474E4B">
        <w:t>ul de mai sus. Pe de altă parte, ponderea investi</w:t>
      </w:r>
      <w:r w:rsidR="00474E4B" w:rsidRPr="00474E4B">
        <w:t>ț</w:t>
      </w:r>
      <w:r w:rsidRPr="00474E4B">
        <w:t>iilor în domeniul transporturilor generate de FEIS nu se ridică la nivelul a</w:t>
      </w:r>
      <w:r w:rsidR="00474E4B" w:rsidRPr="00474E4B">
        <w:t>ș</w:t>
      </w:r>
      <w:r w:rsidRPr="00474E4B">
        <w:t>teptărilor atunci când se ia în considerare transferul bugetar major de la MIE către FEIS ini</w:t>
      </w:r>
      <w:r w:rsidR="00474E4B" w:rsidRPr="00474E4B">
        <w:t>ț</w:t>
      </w:r>
      <w:r w:rsidRPr="00474E4B">
        <w:t>ial.</w:t>
      </w:r>
      <w:r w:rsidR="00474E4B" w:rsidRPr="00474E4B">
        <w:t xml:space="preserve"> </w:t>
      </w:r>
    </w:p>
    <w:p w:rsidR="00CC45A9" w:rsidRPr="00474E4B" w:rsidRDefault="00CC45A9" w:rsidP="00CC45A9">
      <w:pPr>
        <w:shd w:val="clear" w:color="auto" w:fill="FBFBFB"/>
        <w:spacing w:after="180"/>
        <w:jc w:val="both"/>
        <w:rPr>
          <w:b/>
          <w:noProof/>
        </w:rPr>
      </w:pPr>
      <w:r w:rsidRPr="00474E4B">
        <w:rPr>
          <w:b/>
        </w:rPr>
        <w:t>Pozi</w:t>
      </w:r>
      <w:r w:rsidR="00474E4B" w:rsidRPr="00474E4B">
        <w:rPr>
          <w:b/>
        </w:rPr>
        <w:t>ț</w:t>
      </w:r>
      <w:r w:rsidRPr="00474E4B">
        <w:rPr>
          <w:b/>
        </w:rPr>
        <w:t>ia raportorului</w:t>
      </w:r>
    </w:p>
    <w:p w:rsidR="00CC45A9" w:rsidRPr="00474E4B" w:rsidRDefault="00CC45A9" w:rsidP="00CC45A9">
      <w:pPr>
        <w:shd w:val="clear" w:color="auto" w:fill="FBFBFB"/>
        <w:spacing w:after="180"/>
        <w:jc w:val="both"/>
        <w:rPr>
          <w:noProof/>
        </w:rPr>
      </w:pPr>
      <w:r w:rsidRPr="00474E4B">
        <w:t>Raportorul salută, în general, propunerea de a crea InvestUE, ca un instrument pentru stimularea investi</w:t>
      </w:r>
      <w:r w:rsidR="00474E4B" w:rsidRPr="00474E4B">
        <w:t>ț</w:t>
      </w:r>
      <w:r w:rsidRPr="00474E4B">
        <w:t xml:space="preserve">iilor publice </w:t>
      </w:r>
      <w:r w:rsidR="00474E4B" w:rsidRPr="00474E4B">
        <w:t>ș</w:t>
      </w:r>
      <w:r w:rsidRPr="00474E4B">
        <w:t xml:space="preserve">i private în sectorul transporturilor </w:t>
      </w:r>
      <w:r w:rsidR="00474E4B" w:rsidRPr="00474E4B">
        <w:t>ș</w:t>
      </w:r>
      <w:r w:rsidRPr="00474E4B">
        <w:t>i pentru a face, astfel, progresele care sunt necesare de urgen</w:t>
      </w:r>
      <w:r w:rsidR="00474E4B" w:rsidRPr="00474E4B">
        <w:t>ț</w:t>
      </w:r>
      <w:r w:rsidRPr="00474E4B">
        <w:t>ă în vederea modernizării sistemului de transport al UE. Investi</w:t>
      </w:r>
      <w:r w:rsidR="00474E4B" w:rsidRPr="00474E4B">
        <w:t>ț</w:t>
      </w:r>
      <w:r w:rsidRPr="00474E4B">
        <w:t xml:space="preserve">iile ar trebui să vizeze atât infrastructura din cadrul TEN-T, inclusiv combustibilii alternativi </w:t>
      </w:r>
      <w:r w:rsidR="00474E4B" w:rsidRPr="00474E4B">
        <w:t>ș</w:t>
      </w:r>
      <w:r w:rsidRPr="00474E4B">
        <w:t xml:space="preserve">i sistemele de încărcare electrice, cât </w:t>
      </w:r>
      <w:r w:rsidR="00474E4B" w:rsidRPr="00474E4B">
        <w:t>ș</w:t>
      </w:r>
      <w:r w:rsidRPr="00474E4B">
        <w:t xml:space="preserve">i sistemele de transport inteligente, precum </w:t>
      </w:r>
      <w:r w:rsidR="00474E4B" w:rsidRPr="00474E4B">
        <w:t>ș</w:t>
      </w:r>
      <w:r w:rsidRPr="00474E4B">
        <w:t xml:space="preserve">i mobilitatea, în general, </w:t>
      </w:r>
      <w:r w:rsidR="00474E4B" w:rsidRPr="00474E4B">
        <w:t>ș</w:t>
      </w:r>
      <w:r w:rsidRPr="00474E4B">
        <w:t xml:space="preserve">i noile forme de mobilitate, vehiculele cu emisii scăzute </w:t>
      </w:r>
      <w:r w:rsidR="00474E4B" w:rsidRPr="00474E4B">
        <w:t>ș</w:t>
      </w:r>
      <w:r w:rsidRPr="00474E4B">
        <w:t>i tehnologiile digitale esen</w:t>
      </w:r>
      <w:r w:rsidR="00474E4B" w:rsidRPr="00474E4B">
        <w:t>ț</w:t>
      </w:r>
      <w:r w:rsidRPr="00474E4B">
        <w:t xml:space="preserve">iale, de exemplu pentru transportul conectat </w:t>
      </w:r>
      <w:r w:rsidR="00474E4B" w:rsidRPr="00474E4B">
        <w:t>ș</w:t>
      </w:r>
      <w:r w:rsidRPr="00474E4B">
        <w:t>i automatizat. De</w:t>
      </w:r>
      <w:r w:rsidR="00474E4B" w:rsidRPr="00474E4B">
        <w:t>ș</w:t>
      </w:r>
      <w:r w:rsidRPr="00474E4B">
        <w:t xml:space="preserve">i </w:t>
      </w:r>
      <w:r w:rsidRPr="00474E4B">
        <w:lastRenderedPageBreak/>
        <w:t>este important ca proiectele să contribuie la îndeplinirea obiectivelor politicii climatice, InvestUE trebuie să permită, de asemenea, un domeniu de aplicare suficient de larg pentru a aborda obiectivele societale importante în materie de siguran</w:t>
      </w:r>
      <w:r w:rsidR="00474E4B" w:rsidRPr="00474E4B">
        <w:t>ț</w:t>
      </w:r>
      <w:r w:rsidRPr="00474E4B">
        <w:t>ă a transporturilor, oportunită</w:t>
      </w:r>
      <w:r w:rsidR="00474E4B" w:rsidRPr="00474E4B">
        <w:t>ț</w:t>
      </w:r>
      <w:r w:rsidRPr="00474E4B">
        <w:t xml:space="preserve">i de angajare </w:t>
      </w:r>
      <w:r w:rsidR="00474E4B" w:rsidRPr="00474E4B">
        <w:t>ș</w:t>
      </w:r>
      <w:r w:rsidRPr="00474E4B">
        <w:t>i educa</w:t>
      </w:r>
      <w:r w:rsidR="00474E4B" w:rsidRPr="00474E4B">
        <w:t>ț</w:t>
      </w:r>
      <w:r w:rsidRPr="00474E4B">
        <w:t>ie în domeniul transporturilor sau turismului. Raportorul propune, prin urmare, amendamente pentru a consolida propunerea cu scopul:</w:t>
      </w:r>
    </w:p>
    <w:p w:rsidR="00CC45A9" w:rsidRPr="00474E4B" w:rsidRDefault="00CC45A9" w:rsidP="00CC45A9">
      <w:pPr>
        <w:pStyle w:val="ListParagraph"/>
        <w:shd w:val="clear" w:color="auto" w:fill="FBFBFB"/>
        <w:spacing w:after="120"/>
        <w:ind w:left="357" w:hanging="357"/>
        <w:contextualSpacing w:val="0"/>
        <w:rPr>
          <w:rFonts w:eastAsia="Times New Roman"/>
          <w:noProof/>
        </w:rPr>
      </w:pPr>
      <w:r w:rsidRPr="00474E4B">
        <w:rPr>
          <w:rFonts w:ascii="Arial" w:hAnsi="Arial"/>
        </w:rPr>
        <w:t>-</w:t>
      </w:r>
      <w:r w:rsidRPr="00474E4B">
        <w:rPr>
          <w:rFonts w:ascii="Arial" w:hAnsi="Arial"/>
        </w:rPr>
        <w:tab/>
      </w:r>
      <w:r w:rsidRPr="00474E4B">
        <w:t>de a preciza domeniile de transport eligibile pentru a beneficia de sprijin în anexa I, care ar trebui să includă priorită</w:t>
      </w:r>
      <w:r w:rsidR="00474E4B" w:rsidRPr="00474E4B">
        <w:t>ț</w:t>
      </w:r>
      <w:r w:rsidRPr="00474E4B">
        <w:t xml:space="preserve">ile telematice ale TEN-T, mobilitatea inteligentă </w:t>
      </w:r>
      <w:r w:rsidR="00474E4B" w:rsidRPr="00474E4B">
        <w:t>ș</w:t>
      </w:r>
      <w:r w:rsidRPr="00474E4B">
        <w:t>i durabilă, între</w:t>
      </w:r>
      <w:r w:rsidR="00474E4B" w:rsidRPr="00474E4B">
        <w:t>ț</w:t>
      </w:r>
      <w:r w:rsidRPr="00474E4B">
        <w:t xml:space="preserve">inerea </w:t>
      </w:r>
      <w:r w:rsidR="00474E4B" w:rsidRPr="00474E4B">
        <w:t>ș</w:t>
      </w:r>
      <w:r w:rsidRPr="00474E4B">
        <w:t xml:space="preserve">i modernizarea infrastructurii, în special a infrastructurii rutiere, tehnologiile digitale din domeniul transportului </w:t>
      </w:r>
      <w:r w:rsidR="00474E4B" w:rsidRPr="00474E4B">
        <w:t>ș</w:t>
      </w:r>
      <w:r w:rsidRPr="00474E4B">
        <w:t>i adaptarea for</w:t>
      </w:r>
      <w:r w:rsidR="00474E4B" w:rsidRPr="00474E4B">
        <w:t>ț</w:t>
      </w:r>
      <w:r w:rsidRPr="00474E4B">
        <w:t>ei de muncă;</w:t>
      </w:r>
    </w:p>
    <w:p w:rsidR="00CC45A9" w:rsidRPr="00474E4B" w:rsidRDefault="00CC45A9" w:rsidP="00CC45A9">
      <w:pPr>
        <w:pStyle w:val="ListParagraph"/>
        <w:shd w:val="clear" w:color="auto" w:fill="FBFBFB"/>
        <w:spacing w:after="120"/>
        <w:ind w:left="357" w:hanging="357"/>
        <w:contextualSpacing w:val="0"/>
        <w:rPr>
          <w:rFonts w:eastAsia="Times New Roman"/>
          <w:noProof/>
        </w:rPr>
      </w:pPr>
      <w:r w:rsidRPr="00474E4B">
        <w:rPr>
          <w:rFonts w:ascii="Arial" w:hAnsi="Arial"/>
        </w:rPr>
        <w:t>-</w:t>
      </w:r>
      <w:r w:rsidRPr="00474E4B">
        <w:rPr>
          <w:rFonts w:ascii="Arial" w:hAnsi="Arial"/>
        </w:rPr>
        <w:tab/>
      </w:r>
      <w:r w:rsidRPr="00474E4B">
        <w:t>de a sublinia necesitatea de a sprijini implementarea unor solu</w:t>
      </w:r>
      <w:r w:rsidR="00474E4B" w:rsidRPr="00474E4B">
        <w:t>ț</w:t>
      </w:r>
      <w:r w:rsidRPr="00474E4B">
        <w:t xml:space="preserve">ii de mobilitate automatizată; </w:t>
      </w:r>
    </w:p>
    <w:p w:rsidR="00CC45A9" w:rsidRPr="00474E4B" w:rsidRDefault="00CC45A9" w:rsidP="00CC45A9">
      <w:pPr>
        <w:pStyle w:val="ListParagraph"/>
        <w:shd w:val="clear" w:color="auto" w:fill="FBFBFB"/>
        <w:spacing w:after="120"/>
        <w:ind w:left="357" w:hanging="357"/>
        <w:contextualSpacing w:val="0"/>
        <w:rPr>
          <w:rFonts w:eastAsia="Times New Roman"/>
          <w:noProof/>
        </w:rPr>
      </w:pPr>
      <w:r w:rsidRPr="00474E4B">
        <w:rPr>
          <w:rFonts w:ascii="Arial" w:hAnsi="Arial"/>
        </w:rPr>
        <w:t>-</w:t>
      </w:r>
      <w:r w:rsidRPr="00474E4B">
        <w:rPr>
          <w:rFonts w:ascii="Arial" w:hAnsi="Arial"/>
        </w:rPr>
        <w:tab/>
      </w:r>
      <w:r w:rsidRPr="00474E4B">
        <w:t>de a acorda o aten</w:t>
      </w:r>
      <w:r w:rsidR="00474E4B" w:rsidRPr="00474E4B">
        <w:t>ț</w:t>
      </w:r>
      <w:r w:rsidRPr="00474E4B">
        <w:t>ie deosebită provocărilor legate de investi</w:t>
      </w:r>
      <w:r w:rsidR="00474E4B" w:rsidRPr="00474E4B">
        <w:t>ț</w:t>
      </w:r>
      <w:r w:rsidRPr="00474E4B">
        <w:t>ii în cazul proiectelor transfrontaliere;</w:t>
      </w:r>
    </w:p>
    <w:p w:rsidR="00CC45A9" w:rsidRPr="00474E4B" w:rsidRDefault="00CC45A9" w:rsidP="00CC45A9">
      <w:pPr>
        <w:pStyle w:val="ListParagraph"/>
        <w:shd w:val="clear" w:color="auto" w:fill="FBFBFB"/>
        <w:spacing w:after="120"/>
        <w:ind w:left="357" w:hanging="357"/>
        <w:contextualSpacing w:val="0"/>
        <w:rPr>
          <w:rFonts w:eastAsia="Times New Roman"/>
          <w:noProof/>
        </w:rPr>
      </w:pPr>
      <w:r w:rsidRPr="00474E4B">
        <w:rPr>
          <w:rFonts w:ascii="Arial" w:hAnsi="Arial"/>
        </w:rPr>
        <w:t>-</w:t>
      </w:r>
      <w:r w:rsidRPr="00474E4B">
        <w:rPr>
          <w:rFonts w:ascii="Arial" w:hAnsi="Arial"/>
        </w:rPr>
        <w:tab/>
      </w:r>
      <w:r w:rsidRPr="00474E4B">
        <w:t>de a asigura echilibrul geografic al proiectelor sprijinite în diversele state membre;</w:t>
      </w:r>
      <w:r w:rsidR="00474E4B" w:rsidRPr="00474E4B">
        <w:t xml:space="preserve"> </w:t>
      </w:r>
    </w:p>
    <w:p w:rsidR="00CC45A9" w:rsidRPr="00474E4B" w:rsidRDefault="00CC45A9" w:rsidP="00CC45A9">
      <w:pPr>
        <w:pStyle w:val="ListParagraph"/>
        <w:shd w:val="clear" w:color="auto" w:fill="FBFBFB"/>
        <w:spacing w:after="120"/>
        <w:ind w:left="357" w:hanging="357"/>
        <w:contextualSpacing w:val="0"/>
        <w:rPr>
          <w:rFonts w:eastAsia="Times New Roman"/>
          <w:noProof/>
        </w:rPr>
      </w:pPr>
      <w:r w:rsidRPr="00474E4B">
        <w:rPr>
          <w:rFonts w:ascii="Arial" w:hAnsi="Arial"/>
        </w:rPr>
        <w:t>-</w:t>
      </w:r>
      <w:r w:rsidRPr="00474E4B">
        <w:rPr>
          <w:rFonts w:ascii="Arial" w:hAnsi="Arial"/>
        </w:rPr>
        <w:tab/>
      </w:r>
      <w:r w:rsidRPr="00474E4B">
        <w:t xml:space="preserve">de a clarifica faptul că proiectele de turism ar trebui să contribuie la orientarea sectorului către un turism durabil, inovator </w:t>
      </w:r>
      <w:r w:rsidR="00474E4B" w:rsidRPr="00474E4B">
        <w:t>ș</w:t>
      </w:r>
      <w:r w:rsidRPr="00474E4B">
        <w:t>i digital;</w:t>
      </w:r>
    </w:p>
    <w:p w:rsidR="00CC45A9" w:rsidRPr="00474E4B" w:rsidRDefault="00CC45A9" w:rsidP="00CC45A9">
      <w:pPr>
        <w:pStyle w:val="ListParagraph"/>
        <w:shd w:val="clear" w:color="auto" w:fill="FBFBFB"/>
        <w:spacing w:after="120"/>
        <w:ind w:left="357" w:hanging="357"/>
        <w:contextualSpacing w:val="0"/>
        <w:rPr>
          <w:rFonts w:eastAsia="Times New Roman"/>
          <w:noProof/>
        </w:rPr>
      </w:pPr>
      <w:r w:rsidRPr="00474E4B">
        <w:rPr>
          <w:rFonts w:ascii="Courier New" w:hAnsi="Courier New"/>
        </w:rPr>
        <w:t>­</w:t>
      </w:r>
      <w:r w:rsidRPr="00474E4B">
        <w:rPr>
          <w:rFonts w:ascii="Courier New" w:hAnsi="Courier New"/>
        </w:rPr>
        <w:tab/>
      </w:r>
      <w:r w:rsidRPr="00474E4B">
        <w:t xml:space="preserve">de a sublinia faptul că InvestUE ar trebui să se bazeze pe sinergiile dintre sectorul transporturilor, energiei </w:t>
      </w:r>
      <w:r w:rsidR="00474E4B" w:rsidRPr="00474E4B">
        <w:t>ș</w:t>
      </w:r>
      <w:r w:rsidRPr="00474E4B">
        <w:t xml:space="preserve">i cel digital </w:t>
      </w:r>
      <w:r w:rsidR="00474E4B" w:rsidRPr="00474E4B">
        <w:t>ș</w:t>
      </w:r>
      <w:r w:rsidRPr="00474E4B">
        <w:t>i alte sectoare în cadrul diferitelor componente de politică;</w:t>
      </w:r>
    </w:p>
    <w:p w:rsidR="00CC45A9" w:rsidRPr="00474E4B" w:rsidRDefault="00CC45A9" w:rsidP="00CC45A9">
      <w:pPr>
        <w:pStyle w:val="ListParagraph"/>
        <w:shd w:val="clear" w:color="auto" w:fill="FBFBFB"/>
        <w:spacing w:after="120"/>
        <w:ind w:left="357" w:hanging="357"/>
        <w:contextualSpacing w:val="0"/>
        <w:rPr>
          <w:rFonts w:eastAsia="Times New Roman"/>
          <w:noProof/>
        </w:rPr>
      </w:pPr>
      <w:r w:rsidRPr="00474E4B">
        <w:rPr>
          <w:rFonts w:ascii="Courier New" w:hAnsi="Courier New"/>
        </w:rPr>
        <w:t>­</w:t>
      </w:r>
      <w:r w:rsidRPr="00474E4B">
        <w:rPr>
          <w:rFonts w:ascii="Courier New" w:hAnsi="Courier New"/>
        </w:rPr>
        <w:tab/>
      </w:r>
      <w:r w:rsidRPr="00474E4B">
        <w:t>de a men</w:t>
      </w:r>
      <w:r w:rsidR="00474E4B" w:rsidRPr="00474E4B">
        <w:t>ț</w:t>
      </w:r>
      <w:r w:rsidRPr="00474E4B">
        <w:t>ine obiectivul privind contribu</w:t>
      </w:r>
      <w:r w:rsidR="00474E4B" w:rsidRPr="00474E4B">
        <w:t>ț</w:t>
      </w:r>
      <w:r w:rsidRPr="00474E4B">
        <w:t>ia investi</w:t>
      </w:r>
      <w:r w:rsidR="00474E4B" w:rsidRPr="00474E4B">
        <w:t>ț</w:t>
      </w:r>
      <w:r w:rsidRPr="00474E4B">
        <w:t>iilor la politicile climatice în propor</w:t>
      </w:r>
      <w:r w:rsidR="00474E4B" w:rsidRPr="00474E4B">
        <w:t>ț</w:t>
      </w:r>
      <w:r w:rsidRPr="00474E4B">
        <w:t xml:space="preserve">ie de 40 %, stabilit recent pentru FEIS 2.0. </w:t>
      </w:r>
    </w:p>
    <w:p w:rsidR="00CC45A9" w:rsidRPr="00474E4B" w:rsidRDefault="00CC45A9" w:rsidP="00CC45A9">
      <w:pPr>
        <w:shd w:val="clear" w:color="auto" w:fill="FBFBFB"/>
        <w:spacing w:after="180"/>
        <w:jc w:val="both"/>
        <w:rPr>
          <w:noProof/>
        </w:rPr>
      </w:pPr>
      <w:r w:rsidRPr="00474E4B">
        <w:t>În plus, raportorul consideră că resursele InvestEU ar trebui utilizate în a</w:t>
      </w:r>
      <w:r w:rsidR="00474E4B" w:rsidRPr="00474E4B">
        <w:t>ș</w:t>
      </w:r>
      <w:r w:rsidRPr="00474E4B">
        <w:t>a fel încât programul să poată conduce la investi</w:t>
      </w:r>
      <w:r w:rsidR="00474E4B" w:rsidRPr="00474E4B">
        <w:t>ț</w:t>
      </w:r>
      <w:r w:rsidRPr="00474E4B">
        <w:t>ii în proiecte de transport tangibile, cel pu</w:t>
      </w:r>
      <w:r w:rsidR="00474E4B" w:rsidRPr="00474E4B">
        <w:t>ț</w:t>
      </w:r>
      <w:r w:rsidRPr="00474E4B">
        <w:t>in la nivelul FEIS. Prin urmare, cel pu</w:t>
      </w:r>
      <w:r w:rsidR="00474E4B" w:rsidRPr="00474E4B">
        <w:t>ț</w:t>
      </w:r>
      <w:r w:rsidRPr="00474E4B">
        <w:t>in 50 % din cota pentru componenta „infrastructură durabilă” ar trebui utilizată pentru transport.</w:t>
      </w:r>
      <w:r w:rsidR="00474E4B" w:rsidRPr="00474E4B">
        <w:t xml:space="preserve"> </w:t>
      </w:r>
    </w:p>
    <w:p w:rsidR="00CC45A9" w:rsidRPr="00474E4B" w:rsidRDefault="00CC45A9" w:rsidP="00CC45A9">
      <w:pPr>
        <w:shd w:val="clear" w:color="auto" w:fill="FBFBFB"/>
        <w:spacing w:after="180"/>
        <w:jc w:val="both"/>
        <w:rPr>
          <w:noProof/>
        </w:rPr>
      </w:pPr>
      <w:r w:rsidRPr="00474E4B">
        <w:t>În fine, raportorul ia act de faptul că propunerea Comisiei modifică structura de guvernan</w:t>
      </w:r>
      <w:r w:rsidR="00474E4B" w:rsidRPr="00474E4B">
        <w:t>ț</w:t>
      </w:r>
      <w:r w:rsidRPr="00474E4B">
        <w:t>ă stabilită fa</w:t>
      </w:r>
      <w:r w:rsidR="00474E4B" w:rsidRPr="00474E4B">
        <w:t>ț</w:t>
      </w:r>
      <w:r w:rsidRPr="00474E4B">
        <w:t xml:space="preserve">ă de modelul FEIS, în care BEI juca un rol central, creând straturi suplimentare </w:t>
      </w:r>
      <w:r w:rsidR="00474E4B" w:rsidRPr="00474E4B">
        <w:t>ș</w:t>
      </w:r>
      <w:r w:rsidRPr="00474E4B">
        <w:t>i transferând, într-o oarecare măsură, deciziile în materie de investi</w:t>
      </w:r>
      <w:r w:rsidR="00474E4B" w:rsidRPr="00474E4B">
        <w:t>ț</w:t>
      </w:r>
      <w:r w:rsidRPr="00474E4B">
        <w:t>ii serviciilor Comisiei. InvestEU ar trebui, de asemenea, să se concentreze pe oferirea unei valori adăugate reale, creând mai degrabă investi</w:t>
      </w:r>
      <w:r w:rsidR="00474E4B" w:rsidRPr="00474E4B">
        <w:t>ț</w:t>
      </w:r>
      <w:r w:rsidRPr="00474E4B">
        <w:t xml:space="preserve">ii suplimentare decât duplicând sau, pur </w:t>
      </w:r>
      <w:r w:rsidR="00474E4B" w:rsidRPr="00474E4B">
        <w:t>ș</w:t>
      </w:r>
      <w:r w:rsidRPr="00474E4B">
        <w:t>i simplu, înlocuind proiectele care ar fi putut fi realizate fără sprijin din partea fondului. Atât aspectele legate de guvernan</w:t>
      </w:r>
      <w:r w:rsidR="00474E4B" w:rsidRPr="00474E4B">
        <w:t>ț</w:t>
      </w:r>
      <w:r w:rsidRPr="00474E4B">
        <w:t xml:space="preserve">ă, cât </w:t>
      </w:r>
      <w:r w:rsidR="00474E4B" w:rsidRPr="00474E4B">
        <w:t>ș</w:t>
      </w:r>
      <w:r w:rsidRPr="00474E4B">
        <w:t>i cele legate de adi</w:t>
      </w:r>
      <w:r w:rsidR="00474E4B" w:rsidRPr="00474E4B">
        <w:t>ț</w:t>
      </w:r>
      <w:r w:rsidRPr="00474E4B">
        <w:t>ionalitate merită să fie examinate în continuare în cadrul viitoarelor deliberări.</w:t>
      </w:r>
      <w:r w:rsidR="00474E4B" w:rsidRPr="00474E4B">
        <w:t xml:space="preserve"> </w:t>
      </w:r>
    </w:p>
    <w:p w:rsidR="00CC45A9" w:rsidRPr="00474E4B" w:rsidRDefault="00CC45A9" w:rsidP="00CC45A9">
      <w:pPr>
        <w:jc w:val="both"/>
        <w:rPr>
          <w:noProof/>
        </w:rPr>
      </w:pPr>
    </w:p>
    <w:p w:rsidR="00CC45A9" w:rsidRPr="00474E4B" w:rsidRDefault="00CC45A9" w:rsidP="00CC45A9">
      <w:pPr>
        <w:pStyle w:val="PageHeadingNotTOC"/>
        <w:rPr>
          <w:noProof/>
        </w:rPr>
      </w:pPr>
      <w:r w:rsidRPr="00474E4B">
        <w:t>AMENDAMENTE</w:t>
      </w:r>
    </w:p>
    <w:p w:rsidR="00CC45A9" w:rsidRPr="00474E4B" w:rsidRDefault="00CC45A9" w:rsidP="00CC45A9">
      <w:pPr>
        <w:pStyle w:val="Normal12"/>
        <w:jc w:val="both"/>
        <w:rPr>
          <w:noProof/>
        </w:rPr>
      </w:pPr>
      <w:bookmarkStart w:id="1" w:name="IntroA"/>
      <w:r w:rsidRPr="00474E4B">
        <w:t xml:space="preserve">Comisia pentru transport </w:t>
      </w:r>
      <w:r w:rsidR="00474E4B" w:rsidRPr="00474E4B">
        <w:t>ș</w:t>
      </w:r>
      <w:r w:rsidRPr="00474E4B">
        <w:t xml:space="preserve">i turism recomandă Comisiei pentru bugete </w:t>
      </w:r>
      <w:r w:rsidR="00474E4B" w:rsidRPr="00474E4B">
        <w:t>ș</w:t>
      </w:r>
      <w:r w:rsidRPr="00474E4B">
        <w:t xml:space="preserve">i Comisiei pentru afaceri economice </w:t>
      </w:r>
      <w:r w:rsidR="00474E4B" w:rsidRPr="00474E4B">
        <w:t>ș</w:t>
      </w:r>
      <w:r w:rsidRPr="00474E4B">
        <w:t>i monetare, care sunt comisii competente, să ia în considerare următoarele amendamente:</w:t>
      </w:r>
    </w:p>
    <w:p w:rsidR="00CC45A9" w:rsidRPr="00474E4B" w:rsidRDefault="00CC45A9" w:rsidP="00CC45A9">
      <w:pPr>
        <w:rPr>
          <w:noProof/>
        </w:rPr>
      </w:pPr>
      <w:bookmarkStart w:id="2" w:name="PasteOldAMStart"/>
      <w:bookmarkStart w:id="3" w:name="PasteOldAMEnd"/>
      <w:bookmarkEnd w:id="1"/>
      <w:bookmarkEnd w:id="2"/>
      <w:bookmarkEnd w:id="3"/>
      <w:r w:rsidRPr="00474E4B">
        <w:rPr>
          <w:rStyle w:val="HideTWBExt"/>
        </w:rPr>
        <w:t>&lt;RepeatBlock-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1</w:t>
      </w:r>
      <w:r w:rsidRPr="00474E4B">
        <w:rPr>
          <w:rStyle w:val="HideTWBExt"/>
        </w:rPr>
        <w:t>&lt;/NumAm&gt;</w:t>
      </w:r>
    </w:p>
    <w:p w:rsidR="00CC45A9" w:rsidRPr="00474E4B" w:rsidRDefault="00CC45A9" w:rsidP="00CC45A9">
      <w:pPr>
        <w:pStyle w:val="NormalBold12b"/>
        <w:rPr>
          <w:noProof/>
        </w:rPr>
      </w:pPr>
      <w:r w:rsidRPr="00474E4B">
        <w:rPr>
          <w:rStyle w:val="HideTWBExt"/>
        </w:rPr>
        <w:lastRenderedPageBreak/>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Considerentul 1</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1)</w:t>
            </w:r>
            <w:r w:rsidRPr="00474E4B">
              <w:tab/>
              <w:t>Cu 1,8</w:t>
            </w:r>
            <w:r w:rsidRPr="00474E4B">
              <w:rPr>
                <w:b/>
                <w:i/>
              </w:rPr>
              <w:t> </w:t>
            </w:r>
            <w:r w:rsidRPr="00474E4B">
              <w:t>% din PIB-ul UE, în scădere fa</w:t>
            </w:r>
            <w:r w:rsidR="00474E4B" w:rsidRPr="00474E4B">
              <w:t>ț</w:t>
            </w:r>
            <w:r w:rsidRPr="00474E4B">
              <w:t>ă de 2,2</w:t>
            </w:r>
            <w:r w:rsidRPr="00474E4B">
              <w:rPr>
                <w:b/>
                <w:i/>
              </w:rPr>
              <w:t> </w:t>
            </w:r>
            <w:r w:rsidRPr="00474E4B">
              <w:t>% în 2009, activită</w:t>
            </w:r>
            <w:r w:rsidR="00474E4B" w:rsidRPr="00474E4B">
              <w:t>ț</w:t>
            </w:r>
            <w:r w:rsidRPr="00474E4B">
              <w:t>ile de investi</w:t>
            </w:r>
            <w:r w:rsidR="00474E4B" w:rsidRPr="00474E4B">
              <w:t>ț</w:t>
            </w:r>
            <w:r w:rsidRPr="00474E4B">
              <w:t>ii în infrastructură din Uniune în 2016 au fost mai mici cu 20</w:t>
            </w:r>
            <w:r w:rsidRPr="00474E4B">
              <w:rPr>
                <w:b/>
                <w:i/>
              </w:rPr>
              <w:t> </w:t>
            </w:r>
            <w:r w:rsidRPr="00474E4B">
              <w:t>% fa</w:t>
            </w:r>
            <w:r w:rsidR="00474E4B" w:rsidRPr="00474E4B">
              <w:t>ț</w:t>
            </w:r>
            <w:r w:rsidRPr="00474E4B">
              <w:t>ă de ratele de investi</w:t>
            </w:r>
            <w:r w:rsidR="00474E4B" w:rsidRPr="00474E4B">
              <w:t>ț</w:t>
            </w:r>
            <w:r w:rsidRPr="00474E4B">
              <w:t>ii înregistrate înainte de criza financiară mondială. Astfel, dacă se poate observa o redresare a rapoartelor investi</w:t>
            </w:r>
            <w:r w:rsidR="00474E4B" w:rsidRPr="00474E4B">
              <w:t>ț</w:t>
            </w:r>
            <w:r w:rsidRPr="00474E4B">
              <w:t>ii/PIB în Uniune, aceasta rămâne sub nivelul a ceea ce s-ar putea a</w:t>
            </w:r>
            <w:r w:rsidR="00474E4B" w:rsidRPr="00474E4B">
              <w:t>ș</w:t>
            </w:r>
            <w:r w:rsidRPr="00474E4B">
              <w:t xml:space="preserve">tepta de la o perioadă de redresare puternică </w:t>
            </w:r>
            <w:r w:rsidR="00474E4B" w:rsidRPr="00474E4B">
              <w:t>ș</w:t>
            </w:r>
            <w:r w:rsidRPr="00474E4B">
              <w:t>i este insuficientă pentru a compensa anii cu un nivel de investi</w:t>
            </w:r>
            <w:r w:rsidR="00474E4B" w:rsidRPr="00474E4B">
              <w:t>ț</w:t>
            </w:r>
            <w:r w:rsidRPr="00474E4B">
              <w:t>ii foarte scăzut.</w:t>
            </w:r>
            <w:r w:rsidR="00474E4B" w:rsidRPr="00474E4B">
              <w:rPr>
                <w:b/>
                <w:i/>
              </w:rPr>
              <w:t xml:space="preserve"> </w:t>
            </w:r>
            <w:r w:rsidRPr="00474E4B">
              <w:t xml:space="preserve">Mai mult, nivelurile </w:t>
            </w:r>
            <w:r w:rsidR="00474E4B" w:rsidRPr="00474E4B">
              <w:t>ș</w:t>
            </w:r>
            <w:r w:rsidRPr="00474E4B">
              <w:t>i previziunile actuale de investi</w:t>
            </w:r>
            <w:r w:rsidR="00474E4B" w:rsidRPr="00474E4B">
              <w:t>ț</w:t>
            </w:r>
            <w:r w:rsidRPr="00474E4B">
              <w:t>ii nu acoperă nevoile de investi</w:t>
            </w:r>
            <w:r w:rsidR="00474E4B" w:rsidRPr="00474E4B">
              <w:t>ț</w:t>
            </w:r>
            <w:r w:rsidRPr="00474E4B">
              <w:t xml:space="preserve">ii structurale ale Uniunii în contextul schimbărilor tehnologice </w:t>
            </w:r>
            <w:r w:rsidR="00474E4B" w:rsidRPr="00474E4B">
              <w:t>ș</w:t>
            </w:r>
            <w:r w:rsidRPr="00474E4B">
              <w:t>i al competitivită</w:t>
            </w:r>
            <w:r w:rsidR="00474E4B" w:rsidRPr="00474E4B">
              <w:t>ț</w:t>
            </w:r>
            <w:r w:rsidRPr="00474E4B">
              <w:t>ii globale, inclusiv pentru inovare, competen</w:t>
            </w:r>
            <w:r w:rsidR="00474E4B" w:rsidRPr="00474E4B">
              <w:t>ț</w:t>
            </w:r>
            <w:r w:rsidRPr="00474E4B">
              <w:t xml:space="preserve">e, infrastructură, întreprinderi mici </w:t>
            </w:r>
            <w:r w:rsidR="00474E4B" w:rsidRPr="00474E4B">
              <w:t>ș</w:t>
            </w:r>
            <w:r w:rsidRPr="00474E4B">
              <w:t xml:space="preserve">i mijlocii (IMM-uri), </w:t>
            </w:r>
            <w:r w:rsidR="00474E4B" w:rsidRPr="00474E4B">
              <w:t>ș</w:t>
            </w:r>
            <w:r w:rsidRPr="00474E4B">
              <w:t>i nevoia de a răspunde la provocările-cheie de la nivelul societă</w:t>
            </w:r>
            <w:r w:rsidR="00474E4B" w:rsidRPr="00474E4B">
              <w:t>ț</w:t>
            </w:r>
            <w:r w:rsidRPr="00474E4B">
              <w:t xml:space="preserve">ii, cum ar fi sustenabilitatea </w:t>
            </w:r>
            <w:r w:rsidR="00474E4B" w:rsidRPr="00474E4B">
              <w:t>ș</w:t>
            </w:r>
            <w:r w:rsidRPr="00474E4B">
              <w:t>i îmbătrânirea popula</w:t>
            </w:r>
            <w:r w:rsidR="00474E4B" w:rsidRPr="00474E4B">
              <w:t>ț</w:t>
            </w:r>
            <w:r w:rsidRPr="00474E4B">
              <w:t>iei. În consecin</w:t>
            </w:r>
            <w:r w:rsidR="00474E4B" w:rsidRPr="00474E4B">
              <w:t>ț</w:t>
            </w:r>
            <w:r w:rsidRPr="00474E4B">
              <w:t>ă, este necesar un sprijin permanent pentru a remedia disfunc</w:t>
            </w:r>
            <w:r w:rsidR="00474E4B" w:rsidRPr="00474E4B">
              <w:t>ț</w:t>
            </w:r>
            <w:r w:rsidRPr="00474E4B">
              <w:t>ionalită</w:t>
            </w:r>
            <w:r w:rsidR="00474E4B" w:rsidRPr="00474E4B">
              <w:t>ț</w:t>
            </w:r>
            <w:r w:rsidRPr="00474E4B">
              <w:t>ile pie</w:t>
            </w:r>
            <w:r w:rsidR="00474E4B" w:rsidRPr="00474E4B">
              <w:t>ț</w:t>
            </w:r>
            <w:r w:rsidRPr="00474E4B">
              <w:t xml:space="preserve">ei </w:t>
            </w:r>
            <w:r w:rsidR="00474E4B" w:rsidRPr="00474E4B">
              <w:t>ș</w:t>
            </w:r>
            <w:r w:rsidRPr="00474E4B">
              <w:t>i situa</w:t>
            </w:r>
            <w:r w:rsidR="00474E4B" w:rsidRPr="00474E4B">
              <w:t>ț</w:t>
            </w:r>
            <w:r w:rsidRPr="00474E4B">
              <w:t>iile de investi</w:t>
            </w:r>
            <w:r w:rsidR="00474E4B" w:rsidRPr="00474E4B">
              <w:t>ț</w:t>
            </w:r>
            <w:r w:rsidRPr="00474E4B">
              <w:t>ii suboptime pentru a reduce deficitul în materie de investi</w:t>
            </w:r>
            <w:r w:rsidR="00474E4B" w:rsidRPr="00474E4B">
              <w:t>ț</w:t>
            </w:r>
            <w:r w:rsidRPr="00474E4B">
              <w:t>ii în sectoarele vizate astfel încât obiectivele de politică ale UE să fie îndeplinite.</w:t>
            </w:r>
          </w:p>
        </w:tc>
        <w:tc>
          <w:tcPr>
            <w:tcW w:w="4876" w:type="dxa"/>
          </w:tcPr>
          <w:p w:rsidR="00CC45A9" w:rsidRPr="00474E4B" w:rsidRDefault="00CC45A9" w:rsidP="001D1851">
            <w:pPr>
              <w:pStyle w:val="Normal6"/>
              <w:rPr>
                <w:noProof/>
              </w:rPr>
            </w:pPr>
            <w:r w:rsidRPr="00474E4B">
              <w:t>(1)</w:t>
            </w:r>
            <w:r w:rsidRPr="00474E4B">
              <w:tab/>
              <w:t>Cu 1,8</w:t>
            </w:r>
            <w:r w:rsidRPr="00474E4B">
              <w:rPr>
                <w:b/>
                <w:i/>
              </w:rPr>
              <w:t xml:space="preserve"> </w:t>
            </w:r>
            <w:r w:rsidRPr="00474E4B">
              <w:t>% din PIB-ul UE, în scădere fa</w:t>
            </w:r>
            <w:r w:rsidR="00474E4B" w:rsidRPr="00474E4B">
              <w:t>ț</w:t>
            </w:r>
            <w:r w:rsidRPr="00474E4B">
              <w:t>ă de 2,2</w:t>
            </w:r>
            <w:r w:rsidRPr="00474E4B">
              <w:rPr>
                <w:b/>
                <w:i/>
              </w:rPr>
              <w:t xml:space="preserve"> </w:t>
            </w:r>
            <w:r w:rsidRPr="00474E4B">
              <w:t>% în 2009, activită</w:t>
            </w:r>
            <w:r w:rsidR="00474E4B" w:rsidRPr="00474E4B">
              <w:t>ț</w:t>
            </w:r>
            <w:r w:rsidRPr="00474E4B">
              <w:t>ile de investi</w:t>
            </w:r>
            <w:r w:rsidR="00474E4B" w:rsidRPr="00474E4B">
              <w:t>ț</w:t>
            </w:r>
            <w:r w:rsidRPr="00474E4B">
              <w:t>ii în infrastructură din Uniune în 2016 au fost mai mici cu 20</w:t>
            </w:r>
            <w:r w:rsidRPr="00474E4B">
              <w:rPr>
                <w:b/>
                <w:i/>
              </w:rPr>
              <w:t xml:space="preserve"> </w:t>
            </w:r>
            <w:r w:rsidRPr="00474E4B">
              <w:t>% fa</w:t>
            </w:r>
            <w:r w:rsidR="00474E4B" w:rsidRPr="00474E4B">
              <w:t>ț</w:t>
            </w:r>
            <w:r w:rsidRPr="00474E4B">
              <w:t>ă de ratele de investi</w:t>
            </w:r>
            <w:r w:rsidR="00474E4B" w:rsidRPr="00474E4B">
              <w:t>ț</w:t>
            </w:r>
            <w:r w:rsidRPr="00474E4B">
              <w:t>ii înregistrate înainte de criza financiară mondială</w:t>
            </w:r>
            <w:r w:rsidRPr="00474E4B">
              <w:rPr>
                <w:b/>
                <w:i/>
              </w:rPr>
              <w:t>, uneori cu consecin</w:t>
            </w:r>
            <w:r w:rsidR="00474E4B" w:rsidRPr="00474E4B">
              <w:rPr>
                <w:b/>
                <w:i/>
              </w:rPr>
              <w:t>ț</w:t>
            </w:r>
            <w:r w:rsidRPr="00474E4B">
              <w:rPr>
                <w:b/>
                <w:i/>
              </w:rPr>
              <w:t>e grave</w:t>
            </w:r>
            <w:r w:rsidRPr="00474E4B">
              <w:t>. Astfel, dacă se poate observa o redresare a rapoartelor investi</w:t>
            </w:r>
            <w:r w:rsidR="00474E4B" w:rsidRPr="00474E4B">
              <w:t>ț</w:t>
            </w:r>
            <w:r w:rsidRPr="00474E4B">
              <w:t>ii/PIB în Uniune, aceasta rămâne sub nivelul a ceea ce s-ar putea a</w:t>
            </w:r>
            <w:r w:rsidR="00474E4B" w:rsidRPr="00474E4B">
              <w:t>ș</w:t>
            </w:r>
            <w:r w:rsidRPr="00474E4B">
              <w:t xml:space="preserve">tepta de la o perioadă de redresare puternică </w:t>
            </w:r>
            <w:r w:rsidR="00474E4B" w:rsidRPr="00474E4B">
              <w:t>ș</w:t>
            </w:r>
            <w:r w:rsidRPr="00474E4B">
              <w:t>i este insuficientă pentru a compensa anii cu un nivel de investi</w:t>
            </w:r>
            <w:r w:rsidR="00474E4B" w:rsidRPr="00474E4B">
              <w:t>ț</w:t>
            </w:r>
            <w:r w:rsidRPr="00474E4B">
              <w:t xml:space="preserve">ii foarte scăzut. Mai mult, nivelurile </w:t>
            </w:r>
            <w:r w:rsidR="00474E4B" w:rsidRPr="00474E4B">
              <w:t>ș</w:t>
            </w:r>
            <w:r w:rsidRPr="00474E4B">
              <w:t>i previziunile actuale de investi</w:t>
            </w:r>
            <w:r w:rsidR="00474E4B" w:rsidRPr="00474E4B">
              <w:t>ț</w:t>
            </w:r>
            <w:r w:rsidRPr="00474E4B">
              <w:t>ii nu acoperă nevoile de investi</w:t>
            </w:r>
            <w:r w:rsidR="00474E4B" w:rsidRPr="00474E4B">
              <w:t>ț</w:t>
            </w:r>
            <w:r w:rsidRPr="00474E4B">
              <w:t xml:space="preserve">ii structurale ale Uniunii în contextul schimbărilor tehnologice </w:t>
            </w:r>
            <w:r w:rsidR="00474E4B" w:rsidRPr="00474E4B">
              <w:t>ș</w:t>
            </w:r>
            <w:r w:rsidRPr="00474E4B">
              <w:t>i al competitivită</w:t>
            </w:r>
            <w:r w:rsidR="00474E4B" w:rsidRPr="00474E4B">
              <w:t>ț</w:t>
            </w:r>
            <w:r w:rsidRPr="00474E4B">
              <w:t>ii globale, inclusiv pentru inovare, competen</w:t>
            </w:r>
            <w:r w:rsidR="00474E4B" w:rsidRPr="00474E4B">
              <w:t>ț</w:t>
            </w:r>
            <w:r w:rsidRPr="00474E4B">
              <w:t xml:space="preserve">e, infrastructură, întreprinderi mici </w:t>
            </w:r>
            <w:r w:rsidR="00474E4B" w:rsidRPr="00474E4B">
              <w:t>ș</w:t>
            </w:r>
            <w:r w:rsidRPr="00474E4B">
              <w:t xml:space="preserve">i mijlocii (IMM-uri), </w:t>
            </w:r>
            <w:r w:rsidR="00474E4B" w:rsidRPr="00474E4B">
              <w:t>ș</w:t>
            </w:r>
            <w:r w:rsidRPr="00474E4B">
              <w:t>i nevoia de a răspunde la provocările-cheie de la nivelul societă</w:t>
            </w:r>
            <w:r w:rsidR="00474E4B" w:rsidRPr="00474E4B">
              <w:t>ț</w:t>
            </w:r>
            <w:r w:rsidRPr="00474E4B">
              <w:t>ii, cum ar fi sustenabilitatea</w:t>
            </w:r>
            <w:r w:rsidRPr="00474E4B">
              <w:rPr>
                <w:b/>
                <w:i/>
              </w:rPr>
              <w:t>, inegalită</w:t>
            </w:r>
            <w:r w:rsidR="00474E4B" w:rsidRPr="00474E4B">
              <w:rPr>
                <w:b/>
                <w:i/>
              </w:rPr>
              <w:t>ț</w:t>
            </w:r>
            <w:r w:rsidRPr="00474E4B">
              <w:rPr>
                <w:b/>
                <w:i/>
              </w:rPr>
              <w:t>ile tot mai profunde</w:t>
            </w:r>
            <w:r w:rsidRPr="00474E4B">
              <w:t xml:space="preserve"> </w:t>
            </w:r>
            <w:r w:rsidR="00474E4B" w:rsidRPr="00474E4B">
              <w:t>ș</w:t>
            </w:r>
            <w:r w:rsidRPr="00474E4B">
              <w:t>i îmbătrânirea popula</w:t>
            </w:r>
            <w:r w:rsidR="00474E4B" w:rsidRPr="00474E4B">
              <w:t>ț</w:t>
            </w:r>
            <w:r w:rsidRPr="00474E4B">
              <w:t>iei. În consecin</w:t>
            </w:r>
            <w:r w:rsidR="00474E4B" w:rsidRPr="00474E4B">
              <w:t>ț</w:t>
            </w:r>
            <w:r w:rsidRPr="00474E4B">
              <w:t>ă, este necesar un sprijin permanent pentru a remedia disfunc</w:t>
            </w:r>
            <w:r w:rsidR="00474E4B" w:rsidRPr="00474E4B">
              <w:t>ț</w:t>
            </w:r>
            <w:r w:rsidRPr="00474E4B">
              <w:t>ionalită</w:t>
            </w:r>
            <w:r w:rsidR="00474E4B" w:rsidRPr="00474E4B">
              <w:t>ț</w:t>
            </w:r>
            <w:r w:rsidRPr="00474E4B">
              <w:t>ile pie</w:t>
            </w:r>
            <w:r w:rsidR="00474E4B" w:rsidRPr="00474E4B">
              <w:t>ț</w:t>
            </w:r>
            <w:r w:rsidRPr="00474E4B">
              <w:t xml:space="preserve">ei </w:t>
            </w:r>
            <w:r w:rsidR="00474E4B" w:rsidRPr="00474E4B">
              <w:t>ș</w:t>
            </w:r>
            <w:r w:rsidRPr="00474E4B">
              <w:t>i situa</w:t>
            </w:r>
            <w:r w:rsidR="00474E4B" w:rsidRPr="00474E4B">
              <w:t>ț</w:t>
            </w:r>
            <w:r w:rsidRPr="00474E4B">
              <w:t>iile de investi</w:t>
            </w:r>
            <w:r w:rsidR="00474E4B" w:rsidRPr="00474E4B">
              <w:t>ț</w:t>
            </w:r>
            <w:r w:rsidRPr="00474E4B">
              <w:t>ii suboptime pentru a reduce deficitul în materie de investi</w:t>
            </w:r>
            <w:r w:rsidR="00474E4B" w:rsidRPr="00474E4B">
              <w:t>ț</w:t>
            </w:r>
            <w:r w:rsidRPr="00474E4B">
              <w:t>ii în sectoarele vizate astfel încât obiectivele de politică ale UE să fie îndeplinite.</w:t>
            </w:r>
          </w:p>
        </w:tc>
      </w:tr>
    </w:tbl>
    <w:p w:rsidR="00CC45A9" w:rsidRPr="00474E4B" w:rsidRDefault="00CC45A9" w:rsidP="00CC45A9">
      <w:pPr>
        <w:pStyle w:val="AMNumberTabs"/>
        <w:rPr>
          <w:rStyle w:val="HideTWBExt"/>
          <w:color w:val="auto"/>
        </w:rPr>
      </w:pPr>
      <w:r w:rsidRPr="00474E4B">
        <w:rPr>
          <w:rStyle w:val="HideTWBExt"/>
        </w:rPr>
        <w:t>&lt;/Amend&gt;</w:t>
      </w:r>
    </w:p>
    <w:p w:rsidR="00CC45A9" w:rsidRPr="00474E4B" w:rsidRDefault="00CC45A9" w:rsidP="00CC45A9">
      <w:pPr>
        <w:rPr>
          <w:noProof/>
        </w:rPr>
      </w:pP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2</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Considerentul 2</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2)</w:t>
            </w:r>
            <w:r w:rsidRPr="00474E4B">
              <w:tab/>
              <w:t xml:space="preserve">Evaluările au subliniat faptul că varietatea instrumentelor financiare implementate în perioada cadrului financiar multianual 2014-2020 a condus la </w:t>
            </w:r>
            <w:r w:rsidRPr="00474E4B">
              <w:lastRenderedPageBreak/>
              <w:t xml:space="preserve">câteva suprapuneri. De asemenea, această varietate a creat o complexitate pentru intermediari </w:t>
            </w:r>
            <w:r w:rsidR="00474E4B" w:rsidRPr="00474E4B">
              <w:t>ș</w:t>
            </w:r>
            <w:r w:rsidRPr="00474E4B">
              <w:t xml:space="preserve">i beneficiarii finali, care s-au confruntat cu norme diferite de eligibilitate </w:t>
            </w:r>
            <w:r w:rsidR="00474E4B" w:rsidRPr="00474E4B">
              <w:t>ș</w:t>
            </w:r>
            <w:r w:rsidRPr="00474E4B">
              <w:t>i raportare. De asemenea, absen</w:t>
            </w:r>
            <w:r w:rsidR="00474E4B" w:rsidRPr="00474E4B">
              <w:t>ț</w:t>
            </w:r>
            <w:r w:rsidRPr="00474E4B">
              <w:t>a normelor compatibile a împiedicat combinarea anumitor fonduri ale Uniunii, cu toate că această combinare ar fi fost benefică pentru sprijinirea proiectelor care necesită tipuri diferite de finan</w:t>
            </w:r>
            <w:r w:rsidR="00474E4B" w:rsidRPr="00474E4B">
              <w:t>ț</w:t>
            </w:r>
            <w:r w:rsidRPr="00474E4B">
              <w:t>are. Prin urmare, un fond unic, Fondul InvestEU, ar trebui instituit pentru a ob</w:t>
            </w:r>
            <w:r w:rsidR="00474E4B" w:rsidRPr="00474E4B">
              <w:t>ț</w:t>
            </w:r>
            <w:r w:rsidRPr="00474E4B">
              <w:t>ine un sprijin care să func</w:t>
            </w:r>
            <w:r w:rsidR="00474E4B" w:rsidRPr="00474E4B">
              <w:t>ț</w:t>
            </w:r>
            <w:r w:rsidRPr="00474E4B">
              <w:t xml:space="preserve">ioneze mai eficient pentru beneficiarii finali prin integrarea </w:t>
            </w:r>
            <w:r w:rsidR="00474E4B" w:rsidRPr="00474E4B">
              <w:t>ș</w:t>
            </w:r>
            <w:r w:rsidRPr="00474E4B">
              <w:t>i simplificarea ofertei într-un regim unic de garan</w:t>
            </w:r>
            <w:r w:rsidR="00474E4B" w:rsidRPr="00474E4B">
              <w:t>ț</w:t>
            </w:r>
            <w:r w:rsidRPr="00474E4B">
              <w:t>ie bugetară, îmbunătă</w:t>
            </w:r>
            <w:r w:rsidR="00474E4B" w:rsidRPr="00474E4B">
              <w:t>ț</w:t>
            </w:r>
            <w:r w:rsidRPr="00474E4B">
              <w:t>ind astfel impactul interven</w:t>
            </w:r>
            <w:r w:rsidR="00474E4B" w:rsidRPr="00474E4B">
              <w:t>ț</w:t>
            </w:r>
            <w:r w:rsidRPr="00474E4B">
              <w:t xml:space="preserve">iei Uniunii </w:t>
            </w:r>
            <w:r w:rsidR="00474E4B" w:rsidRPr="00474E4B">
              <w:t>ș</w:t>
            </w:r>
            <w:r w:rsidRPr="00474E4B">
              <w:t>i reducând în acela</w:t>
            </w:r>
            <w:r w:rsidR="00474E4B" w:rsidRPr="00474E4B">
              <w:t>ș</w:t>
            </w:r>
            <w:r w:rsidRPr="00474E4B">
              <w:t>i timp costurile din bugetul Uniunii.</w:t>
            </w:r>
          </w:p>
        </w:tc>
        <w:tc>
          <w:tcPr>
            <w:tcW w:w="4876" w:type="dxa"/>
          </w:tcPr>
          <w:p w:rsidR="00CC45A9" w:rsidRPr="00474E4B" w:rsidRDefault="00CC45A9" w:rsidP="001D1851">
            <w:pPr>
              <w:pStyle w:val="Normal6"/>
              <w:rPr>
                <w:noProof/>
              </w:rPr>
            </w:pPr>
            <w:r w:rsidRPr="00474E4B">
              <w:lastRenderedPageBreak/>
              <w:t>(2)</w:t>
            </w:r>
            <w:r w:rsidRPr="00474E4B">
              <w:tab/>
              <w:t xml:space="preserve">Evaluările au subliniat faptul că varietatea instrumentelor financiare implementate în perioada cadrului financiar multianual 2014-2020 a condus la </w:t>
            </w:r>
            <w:r w:rsidRPr="00474E4B">
              <w:lastRenderedPageBreak/>
              <w:t xml:space="preserve">câteva suprapuneri. De asemenea, această varietate a creat o complexitate pentru intermediari </w:t>
            </w:r>
            <w:r w:rsidR="00474E4B" w:rsidRPr="00474E4B">
              <w:t>ș</w:t>
            </w:r>
            <w:r w:rsidRPr="00474E4B">
              <w:t xml:space="preserve">i beneficiarii finali, care s-au confruntat cu norme diferite de eligibilitate </w:t>
            </w:r>
            <w:r w:rsidR="00474E4B" w:rsidRPr="00474E4B">
              <w:t>ș</w:t>
            </w:r>
            <w:r w:rsidRPr="00474E4B">
              <w:t>i raportare</w:t>
            </w:r>
            <w:r w:rsidRPr="00474E4B">
              <w:rPr>
                <w:b/>
                <w:i/>
              </w:rPr>
              <w:t xml:space="preserve">, descurajând </w:t>
            </w:r>
            <w:r w:rsidR="00474E4B" w:rsidRPr="00474E4B">
              <w:rPr>
                <w:b/>
                <w:i/>
              </w:rPr>
              <w:t>ș</w:t>
            </w:r>
            <w:r w:rsidRPr="00474E4B">
              <w:rPr>
                <w:b/>
                <w:i/>
              </w:rPr>
              <w:t>i mai mult investi</w:t>
            </w:r>
            <w:r w:rsidR="00474E4B" w:rsidRPr="00474E4B">
              <w:rPr>
                <w:b/>
                <w:i/>
              </w:rPr>
              <w:t>ț</w:t>
            </w:r>
            <w:r w:rsidRPr="00474E4B">
              <w:rPr>
                <w:b/>
                <w:i/>
              </w:rPr>
              <w:t>iile</w:t>
            </w:r>
            <w:r w:rsidRPr="00474E4B">
              <w:t>. De asemenea, absen</w:t>
            </w:r>
            <w:r w:rsidR="00474E4B" w:rsidRPr="00474E4B">
              <w:t>ț</w:t>
            </w:r>
            <w:r w:rsidRPr="00474E4B">
              <w:t>a normelor compatibile a împiedicat combinarea anumitor fonduri ale Uniunii, cu toate că această combinare ar fi fost benefică pentru sprijinirea proiectelor care necesită tipuri diferite de finan</w:t>
            </w:r>
            <w:r w:rsidR="00474E4B" w:rsidRPr="00474E4B">
              <w:t>ț</w:t>
            </w:r>
            <w:r w:rsidRPr="00474E4B">
              <w:t>are. Prin urmare, un fond unic, Fondul InvestEU, ar trebui instituit pentru a ob</w:t>
            </w:r>
            <w:r w:rsidR="00474E4B" w:rsidRPr="00474E4B">
              <w:t>ț</w:t>
            </w:r>
            <w:r w:rsidRPr="00474E4B">
              <w:t>ine un sprijin care să func</w:t>
            </w:r>
            <w:r w:rsidR="00474E4B" w:rsidRPr="00474E4B">
              <w:t>ț</w:t>
            </w:r>
            <w:r w:rsidRPr="00474E4B">
              <w:t xml:space="preserve">ioneze mai eficient pentru beneficiarii finali prin integrarea </w:t>
            </w:r>
            <w:r w:rsidR="00474E4B" w:rsidRPr="00474E4B">
              <w:t>ș</w:t>
            </w:r>
            <w:r w:rsidRPr="00474E4B">
              <w:t>i simplificarea ofertei într-un regim unic de garan</w:t>
            </w:r>
            <w:r w:rsidR="00474E4B" w:rsidRPr="00474E4B">
              <w:t>ț</w:t>
            </w:r>
            <w:r w:rsidRPr="00474E4B">
              <w:t>ie bugetară, îmbunătă</w:t>
            </w:r>
            <w:r w:rsidR="00474E4B" w:rsidRPr="00474E4B">
              <w:t>ț</w:t>
            </w:r>
            <w:r w:rsidRPr="00474E4B">
              <w:t>ind astfel impactul interven</w:t>
            </w:r>
            <w:r w:rsidR="00474E4B" w:rsidRPr="00474E4B">
              <w:t>ț</w:t>
            </w:r>
            <w:r w:rsidRPr="00474E4B">
              <w:t xml:space="preserve">iei Uniunii </w:t>
            </w:r>
            <w:r w:rsidR="00474E4B" w:rsidRPr="00474E4B">
              <w:t>ș</w:t>
            </w:r>
            <w:r w:rsidRPr="00474E4B">
              <w:t>i reducând în acela</w:t>
            </w:r>
            <w:r w:rsidR="00474E4B" w:rsidRPr="00474E4B">
              <w:t>ș</w:t>
            </w:r>
            <w:r w:rsidRPr="00474E4B">
              <w:t>i timp costurile din bugetul Uniunii.</w:t>
            </w:r>
          </w:p>
        </w:tc>
      </w:tr>
    </w:tbl>
    <w:p w:rsidR="00CC45A9" w:rsidRPr="00474E4B" w:rsidRDefault="00CC45A9" w:rsidP="00CC45A9">
      <w:pPr>
        <w:rPr>
          <w:noProof/>
        </w:rPr>
      </w:pPr>
      <w:r w:rsidRPr="00474E4B">
        <w:rPr>
          <w:rStyle w:val="HideTWBExt"/>
        </w:rPr>
        <w:lastRenderedPageBreak/>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3</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Considerentul 3</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3)</w:t>
            </w:r>
            <w:r w:rsidRPr="00474E4B">
              <w:tab/>
              <w:t xml:space="preserve">În ultimii ani, Uniunea a </w:t>
            </w:r>
            <w:r w:rsidRPr="00474E4B">
              <w:rPr>
                <w:b/>
                <w:i/>
              </w:rPr>
              <w:t>adoptat</w:t>
            </w:r>
            <w:r w:rsidRPr="00474E4B">
              <w:t xml:space="preserve"> strategii ambi</w:t>
            </w:r>
            <w:r w:rsidR="00474E4B" w:rsidRPr="00474E4B">
              <w:t>ț</w:t>
            </w:r>
            <w:r w:rsidRPr="00474E4B">
              <w:t>ioase de finalizare a pie</w:t>
            </w:r>
            <w:r w:rsidR="00474E4B" w:rsidRPr="00474E4B">
              <w:t>ț</w:t>
            </w:r>
            <w:r w:rsidRPr="00474E4B">
              <w:t xml:space="preserve">ei unice </w:t>
            </w:r>
            <w:r w:rsidR="00474E4B" w:rsidRPr="00474E4B">
              <w:t>ș</w:t>
            </w:r>
            <w:r w:rsidRPr="00474E4B">
              <w:t>i de stimulare a cre</w:t>
            </w:r>
            <w:r w:rsidR="00474E4B" w:rsidRPr="00474E4B">
              <w:t>ș</w:t>
            </w:r>
            <w:r w:rsidRPr="00474E4B">
              <w:t xml:space="preserve">terii durabile </w:t>
            </w:r>
            <w:r w:rsidR="00474E4B" w:rsidRPr="00474E4B">
              <w:t>ș</w:t>
            </w:r>
            <w:r w:rsidRPr="00474E4B">
              <w:t>i a locurilor de muncă, cum ar fi uniunea pie</w:t>
            </w:r>
            <w:r w:rsidR="00474E4B" w:rsidRPr="00474E4B">
              <w:t>ț</w:t>
            </w:r>
            <w:r w:rsidRPr="00474E4B">
              <w:t>elor de capital, Strategia privind pia</w:t>
            </w:r>
            <w:r w:rsidR="00474E4B" w:rsidRPr="00474E4B">
              <w:t>ț</w:t>
            </w:r>
            <w:r w:rsidRPr="00474E4B">
              <w:t>a unică digitală, pachetul „Energie curată pentru to</w:t>
            </w:r>
            <w:r w:rsidR="00474E4B" w:rsidRPr="00474E4B">
              <w:t>ț</w:t>
            </w:r>
            <w:r w:rsidRPr="00474E4B">
              <w:t>i europenii”, Planul de ac</w:t>
            </w:r>
            <w:r w:rsidR="00474E4B" w:rsidRPr="00474E4B">
              <w:t>ț</w:t>
            </w:r>
            <w:r w:rsidRPr="00474E4B">
              <w:t xml:space="preserve">iune al UE pentru o economie circulară, Strategia pentru o mobilitate cu emisii scăzute de dioxid de carbon, Strategia privind apărarea </w:t>
            </w:r>
            <w:r w:rsidR="00474E4B" w:rsidRPr="00474E4B">
              <w:t>ș</w:t>
            </w:r>
            <w:r w:rsidRPr="00474E4B">
              <w:t>i Strategia spa</w:t>
            </w:r>
            <w:r w:rsidR="00474E4B" w:rsidRPr="00474E4B">
              <w:t>ț</w:t>
            </w:r>
            <w:r w:rsidRPr="00474E4B">
              <w:t xml:space="preserve">ială pentru Europa. Fondul InvestEU ar exploata </w:t>
            </w:r>
            <w:r w:rsidR="00474E4B" w:rsidRPr="00474E4B">
              <w:t>ș</w:t>
            </w:r>
            <w:r w:rsidRPr="00474E4B">
              <w:t>i ar consolida sinergiile dintre acele strategii care se consolidează reciproc, sprijinind investi</w:t>
            </w:r>
            <w:r w:rsidR="00474E4B" w:rsidRPr="00474E4B">
              <w:t>ț</w:t>
            </w:r>
            <w:r w:rsidRPr="00474E4B">
              <w:t xml:space="preserve">iile </w:t>
            </w:r>
            <w:r w:rsidR="00474E4B" w:rsidRPr="00474E4B">
              <w:t>ș</w:t>
            </w:r>
            <w:r w:rsidRPr="00474E4B">
              <w:t>i accesul la finan</w:t>
            </w:r>
            <w:r w:rsidR="00474E4B" w:rsidRPr="00474E4B">
              <w:t>ț</w:t>
            </w:r>
            <w:r w:rsidRPr="00474E4B">
              <w:t>are.</w:t>
            </w:r>
          </w:p>
        </w:tc>
        <w:tc>
          <w:tcPr>
            <w:tcW w:w="4876" w:type="dxa"/>
          </w:tcPr>
          <w:p w:rsidR="00CC45A9" w:rsidRPr="00474E4B" w:rsidRDefault="00CC45A9" w:rsidP="001D1851">
            <w:pPr>
              <w:pStyle w:val="Normal6"/>
              <w:rPr>
                <w:noProof/>
              </w:rPr>
            </w:pPr>
            <w:r w:rsidRPr="00474E4B">
              <w:t>(3)</w:t>
            </w:r>
            <w:r w:rsidRPr="00474E4B">
              <w:tab/>
              <w:t xml:space="preserve">În ultimii ani, Uniunea a </w:t>
            </w:r>
            <w:r w:rsidRPr="00474E4B">
              <w:rPr>
                <w:b/>
                <w:i/>
              </w:rPr>
              <w:t>urmat</w:t>
            </w:r>
            <w:r w:rsidRPr="00474E4B">
              <w:t xml:space="preserve"> strategii ambi</w:t>
            </w:r>
            <w:r w:rsidR="00474E4B" w:rsidRPr="00474E4B">
              <w:t>ț</w:t>
            </w:r>
            <w:r w:rsidRPr="00474E4B">
              <w:t>ioase de finalizare a pie</w:t>
            </w:r>
            <w:r w:rsidR="00474E4B" w:rsidRPr="00474E4B">
              <w:t>ț</w:t>
            </w:r>
            <w:r w:rsidRPr="00474E4B">
              <w:t xml:space="preserve">ei unice </w:t>
            </w:r>
            <w:r w:rsidR="00474E4B" w:rsidRPr="00474E4B">
              <w:t>ș</w:t>
            </w:r>
            <w:r w:rsidRPr="00474E4B">
              <w:t>i de stimulare a cre</w:t>
            </w:r>
            <w:r w:rsidR="00474E4B" w:rsidRPr="00474E4B">
              <w:t>ș</w:t>
            </w:r>
            <w:r w:rsidRPr="00474E4B">
              <w:t xml:space="preserve">terii durabile </w:t>
            </w:r>
            <w:r w:rsidR="00474E4B" w:rsidRPr="00474E4B">
              <w:t>ș</w:t>
            </w:r>
            <w:r w:rsidRPr="00474E4B">
              <w:t>i a locurilor de muncă, cum ar fi uniunea pie</w:t>
            </w:r>
            <w:r w:rsidR="00474E4B" w:rsidRPr="00474E4B">
              <w:t>ț</w:t>
            </w:r>
            <w:r w:rsidRPr="00474E4B">
              <w:t>elor de capital, Strategia privind pia</w:t>
            </w:r>
            <w:r w:rsidR="00474E4B" w:rsidRPr="00474E4B">
              <w:t>ț</w:t>
            </w:r>
            <w:r w:rsidRPr="00474E4B">
              <w:t>a unică digitală, pachetul „Energie curată pentru to</w:t>
            </w:r>
            <w:r w:rsidR="00474E4B" w:rsidRPr="00474E4B">
              <w:t>ț</w:t>
            </w:r>
            <w:r w:rsidRPr="00474E4B">
              <w:t>i europenii”</w:t>
            </w:r>
            <w:r w:rsidRPr="00474E4B">
              <w:rPr>
                <w:b/>
                <w:i/>
              </w:rPr>
              <w:t>, instituirea Mecanismului pentru interconectarea Europei</w:t>
            </w:r>
            <w:r w:rsidRPr="00474E4B">
              <w:t>, Planul de ac</w:t>
            </w:r>
            <w:r w:rsidR="00474E4B" w:rsidRPr="00474E4B">
              <w:t>ț</w:t>
            </w:r>
            <w:r w:rsidRPr="00474E4B">
              <w:t xml:space="preserve">iune al UE pentru o economie circulară, Strategia pentru o mobilitate cu emisii scăzute de dioxid de carbon, Strategia privind apărarea </w:t>
            </w:r>
            <w:r w:rsidR="00474E4B" w:rsidRPr="00474E4B">
              <w:t>ș</w:t>
            </w:r>
            <w:r w:rsidRPr="00474E4B">
              <w:t>i Strategia spa</w:t>
            </w:r>
            <w:r w:rsidR="00474E4B" w:rsidRPr="00474E4B">
              <w:t>ț</w:t>
            </w:r>
            <w:r w:rsidRPr="00474E4B">
              <w:t xml:space="preserve">ială pentru Europa. Fondul InvestEU ar exploata </w:t>
            </w:r>
            <w:r w:rsidR="00474E4B" w:rsidRPr="00474E4B">
              <w:t>ș</w:t>
            </w:r>
            <w:r w:rsidRPr="00474E4B">
              <w:t>i ar consolida sinergiile dintre acele strategii care se consolidează reciproc, sprijinind investi</w:t>
            </w:r>
            <w:r w:rsidR="00474E4B" w:rsidRPr="00474E4B">
              <w:t>ț</w:t>
            </w:r>
            <w:r w:rsidRPr="00474E4B">
              <w:t xml:space="preserve">iile </w:t>
            </w:r>
            <w:r w:rsidR="00474E4B" w:rsidRPr="00474E4B">
              <w:t>ș</w:t>
            </w:r>
            <w:r w:rsidRPr="00474E4B">
              <w:t>i accesul la finan</w:t>
            </w:r>
            <w:r w:rsidR="00474E4B" w:rsidRPr="00474E4B">
              <w:t>ț</w:t>
            </w:r>
            <w:r w:rsidRPr="00474E4B">
              <w:t>are.</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4</w:t>
      </w:r>
      <w:r w:rsidRPr="00474E4B">
        <w:rPr>
          <w:rStyle w:val="HideTWBExt"/>
        </w:rPr>
        <w:t>&lt;/NumAm&gt;</w:t>
      </w:r>
    </w:p>
    <w:p w:rsidR="00CC45A9" w:rsidRPr="00474E4B" w:rsidRDefault="00CC45A9" w:rsidP="00CC45A9">
      <w:pPr>
        <w:pStyle w:val="NormalBold12b"/>
        <w:rPr>
          <w:noProof/>
        </w:rPr>
      </w:pPr>
      <w:r w:rsidRPr="00474E4B">
        <w:rPr>
          <w:rStyle w:val="HideTWBExt"/>
        </w:rPr>
        <w:lastRenderedPageBreak/>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Considerentul 5</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5)</w:t>
            </w:r>
            <w:r w:rsidRPr="00474E4B">
              <w:tab/>
              <w:t>Fondul InvestEU ar trebui să contribuie la îmbunătă</w:t>
            </w:r>
            <w:r w:rsidR="00474E4B" w:rsidRPr="00474E4B">
              <w:t>ț</w:t>
            </w:r>
            <w:r w:rsidRPr="00474E4B">
              <w:t>irea competitivită</w:t>
            </w:r>
            <w:r w:rsidR="00474E4B" w:rsidRPr="00474E4B">
              <w:t>ț</w:t>
            </w:r>
            <w:r w:rsidRPr="00474E4B">
              <w:t xml:space="preserve">ii Uniunii, inclusiv în domeniul inovării </w:t>
            </w:r>
            <w:r w:rsidR="00474E4B" w:rsidRPr="00474E4B">
              <w:t>ș</w:t>
            </w:r>
            <w:r w:rsidRPr="00474E4B">
              <w:t>i al digitalizării, la durabilitatea cre</w:t>
            </w:r>
            <w:r w:rsidR="00474E4B" w:rsidRPr="00474E4B">
              <w:t>ș</w:t>
            </w:r>
            <w:r w:rsidRPr="00474E4B">
              <w:t>terii economice a Uniunii, la rezilien</w:t>
            </w:r>
            <w:r w:rsidR="00474E4B" w:rsidRPr="00474E4B">
              <w:t>ț</w:t>
            </w:r>
            <w:r w:rsidRPr="00474E4B">
              <w:t xml:space="preserve">a </w:t>
            </w:r>
            <w:r w:rsidR="00474E4B" w:rsidRPr="00474E4B">
              <w:t>ș</w:t>
            </w:r>
            <w:r w:rsidRPr="00474E4B">
              <w:t xml:space="preserve">i incluziunea socială </w:t>
            </w:r>
            <w:r w:rsidR="00474E4B" w:rsidRPr="00474E4B">
              <w:t>ș</w:t>
            </w:r>
            <w:r w:rsidRPr="00474E4B">
              <w:t>i la integrarea pie</w:t>
            </w:r>
            <w:r w:rsidR="00474E4B" w:rsidRPr="00474E4B">
              <w:t>ț</w:t>
            </w:r>
            <w:r w:rsidRPr="00474E4B">
              <w:t>elor de capital ale Uniunii, inclusiv a solu</w:t>
            </w:r>
            <w:r w:rsidR="00474E4B" w:rsidRPr="00474E4B">
              <w:t>ț</w:t>
            </w:r>
            <w:r w:rsidRPr="00474E4B">
              <w:t xml:space="preserve">iilor care remediază fragmentarea lor </w:t>
            </w:r>
            <w:r w:rsidR="00474E4B" w:rsidRPr="00474E4B">
              <w:t>ș</w:t>
            </w:r>
            <w:r w:rsidRPr="00474E4B">
              <w:t>i care diversifică sursele de finan</w:t>
            </w:r>
            <w:r w:rsidR="00474E4B" w:rsidRPr="00474E4B">
              <w:t>ț</w:t>
            </w:r>
            <w:r w:rsidRPr="00474E4B">
              <w:t xml:space="preserve">are pentru întreprinderile din Uniune. În acest scop, ar trebui să sprijine proiecte care sunt viabile din punct de vedere tehnic </w:t>
            </w:r>
            <w:r w:rsidR="00474E4B" w:rsidRPr="00474E4B">
              <w:t>ș</w:t>
            </w:r>
            <w:r w:rsidRPr="00474E4B">
              <w:t xml:space="preserve">i economic, furnizând un cadru pentru utilizarea datoriei, pentru partajarea riscurilor </w:t>
            </w:r>
            <w:r w:rsidR="00474E4B" w:rsidRPr="00474E4B">
              <w:t>ș</w:t>
            </w:r>
            <w:r w:rsidRPr="00474E4B">
              <w:t>i pentru instrumentele de capital bazate pe o garan</w:t>
            </w:r>
            <w:r w:rsidR="00474E4B" w:rsidRPr="00474E4B">
              <w:t>ț</w:t>
            </w:r>
            <w:r w:rsidRPr="00474E4B">
              <w:t xml:space="preserve">ie din bugetul Uniunii </w:t>
            </w:r>
            <w:r w:rsidR="00474E4B" w:rsidRPr="00474E4B">
              <w:t>ș</w:t>
            </w:r>
            <w:r w:rsidRPr="00474E4B">
              <w:t>i pe contribu</w:t>
            </w:r>
            <w:r w:rsidR="00474E4B" w:rsidRPr="00474E4B">
              <w:t>ț</w:t>
            </w:r>
            <w:r w:rsidRPr="00474E4B">
              <w:t>iile partenerilor de implementare. Ar trebui să fie bazat pe cerere, iar sprijinul din cadrul Fondului InvestEU ar trebui să vizeze în acela</w:t>
            </w:r>
            <w:r w:rsidR="00474E4B" w:rsidRPr="00474E4B">
              <w:t>ș</w:t>
            </w:r>
            <w:r w:rsidRPr="00474E4B">
              <w:t>i timp contribu</w:t>
            </w:r>
            <w:r w:rsidR="00474E4B" w:rsidRPr="00474E4B">
              <w:t>ț</w:t>
            </w:r>
            <w:r w:rsidRPr="00474E4B">
              <w:t>ia la îndeplinirea obiectivelor de politică ale Uniunii.</w:t>
            </w:r>
          </w:p>
        </w:tc>
        <w:tc>
          <w:tcPr>
            <w:tcW w:w="4876" w:type="dxa"/>
          </w:tcPr>
          <w:p w:rsidR="00CC45A9" w:rsidRPr="00474E4B" w:rsidRDefault="00CC45A9" w:rsidP="001D1851">
            <w:pPr>
              <w:pStyle w:val="Normal6"/>
              <w:rPr>
                <w:noProof/>
              </w:rPr>
            </w:pPr>
            <w:r w:rsidRPr="00474E4B">
              <w:t>(5)</w:t>
            </w:r>
            <w:r w:rsidRPr="00474E4B">
              <w:tab/>
              <w:t>Fondul InvestEU ar trebui să contribuie la îmbunătă</w:t>
            </w:r>
            <w:r w:rsidR="00474E4B" w:rsidRPr="00474E4B">
              <w:t>ț</w:t>
            </w:r>
            <w:r w:rsidRPr="00474E4B">
              <w:t>irea competitivită</w:t>
            </w:r>
            <w:r w:rsidR="00474E4B" w:rsidRPr="00474E4B">
              <w:t>ț</w:t>
            </w:r>
            <w:r w:rsidRPr="00474E4B">
              <w:t xml:space="preserve">ii Uniunii, inclusiv în domeniul </w:t>
            </w:r>
            <w:r w:rsidRPr="00474E4B">
              <w:rPr>
                <w:b/>
                <w:i/>
              </w:rPr>
              <w:t xml:space="preserve">infrastructurilor durabile, al </w:t>
            </w:r>
            <w:r w:rsidRPr="00474E4B">
              <w:t xml:space="preserve">inovării </w:t>
            </w:r>
            <w:r w:rsidR="00474E4B" w:rsidRPr="00474E4B">
              <w:t>ș</w:t>
            </w:r>
            <w:r w:rsidRPr="00474E4B">
              <w:t>i al digitalizării, la durabilitatea cre</w:t>
            </w:r>
            <w:r w:rsidR="00474E4B" w:rsidRPr="00474E4B">
              <w:t>ș</w:t>
            </w:r>
            <w:r w:rsidRPr="00474E4B">
              <w:t>terii economice a Uniunii, la rezilien</w:t>
            </w:r>
            <w:r w:rsidR="00474E4B" w:rsidRPr="00474E4B">
              <w:t>ț</w:t>
            </w:r>
            <w:r w:rsidRPr="00474E4B">
              <w:t xml:space="preserve">a </w:t>
            </w:r>
            <w:r w:rsidR="00474E4B" w:rsidRPr="00474E4B">
              <w:t>ș</w:t>
            </w:r>
            <w:r w:rsidRPr="00474E4B">
              <w:t xml:space="preserve">i incluziunea socială </w:t>
            </w:r>
            <w:r w:rsidR="00474E4B" w:rsidRPr="00474E4B">
              <w:t>ș</w:t>
            </w:r>
            <w:r w:rsidRPr="00474E4B">
              <w:t>i la integrarea pie</w:t>
            </w:r>
            <w:r w:rsidR="00474E4B" w:rsidRPr="00474E4B">
              <w:t>ț</w:t>
            </w:r>
            <w:r w:rsidRPr="00474E4B">
              <w:t>elor de capital ale Uniunii, inclusiv a solu</w:t>
            </w:r>
            <w:r w:rsidR="00474E4B" w:rsidRPr="00474E4B">
              <w:t>ț</w:t>
            </w:r>
            <w:r w:rsidRPr="00474E4B">
              <w:t xml:space="preserve">iilor care remediază fragmentarea lor </w:t>
            </w:r>
            <w:r w:rsidR="00474E4B" w:rsidRPr="00474E4B">
              <w:t>ș</w:t>
            </w:r>
            <w:r w:rsidRPr="00474E4B">
              <w:t>i care diversifică sursele de finan</w:t>
            </w:r>
            <w:r w:rsidR="00474E4B" w:rsidRPr="00474E4B">
              <w:t>ț</w:t>
            </w:r>
            <w:r w:rsidRPr="00474E4B">
              <w:t xml:space="preserve">are pentru întreprinderile din Uniune. În acest scop, ar trebui să sprijine proiecte care sunt viabile din punct de vedere tehnic </w:t>
            </w:r>
            <w:r w:rsidR="00474E4B" w:rsidRPr="00474E4B">
              <w:t>ș</w:t>
            </w:r>
            <w:r w:rsidRPr="00474E4B">
              <w:t xml:space="preserve">i economic, furnizând un cadru pentru utilizarea datoriei, pentru partajarea riscurilor </w:t>
            </w:r>
            <w:r w:rsidR="00474E4B" w:rsidRPr="00474E4B">
              <w:t>ș</w:t>
            </w:r>
            <w:r w:rsidRPr="00474E4B">
              <w:t>i pentru instrumentele de capital bazate pe o garan</w:t>
            </w:r>
            <w:r w:rsidR="00474E4B" w:rsidRPr="00474E4B">
              <w:t>ț</w:t>
            </w:r>
            <w:r w:rsidRPr="00474E4B">
              <w:t xml:space="preserve">ie din bugetul Uniunii </w:t>
            </w:r>
            <w:r w:rsidR="00474E4B" w:rsidRPr="00474E4B">
              <w:t>ș</w:t>
            </w:r>
            <w:r w:rsidRPr="00474E4B">
              <w:t>i pe contribu</w:t>
            </w:r>
            <w:r w:rsidR="00474E4B" w:rsidRPr="00474E4B">
              <w:t>ț</w:t>
            </w:r>
            <w:r w:rsidRPr="00474E4B">
              <w:t>iile partenerilor de implementare. Ar trebui să fie bazat pe cerere, iar sprijinul din cadrul Fondului InvestEU ar trebui să vizeze în acela</w:t>
            </w:r>
            <w:r w:rsidR="00474E4B" w:rsidRPr="00474E4B">
              <w:t>ș</w:t>
            </w:r>
            <w:r w:rsidRPr="00474E4B">
              <w:t>i timp contribu</w:t>
            </w:r>
            <w:r w:rsidR="00474E4B" w:rsidRPr="00474E4B">
              <w:t>ț</w:t>
            </w:r>
            <w:r w:rsidRPr="00474E4B">
              <w:t>ia la îndeplinirea obiectivelor de politică ale Uniunii.</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5</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Considerentul 6</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6)</w:t>
            </w:r>
            <w:r w:rsidRPr="00474E4B">
              <w:tab/>
              <w:t>Fondul InvestEU ar trebui să sprijine investi</w:t>
            </w:r>
            <w:r w:rsidR="00474E4B" w:rsidRPr="00474E4B">
              <w:t>ț</w:t>
            </w:r>
            <w:r w:rsidRPr="00474E4B">
              <w:t xml:space="preserve">iile în active corporale </w:t>
            </w:r>
            <w:r w:rsidR="00474E4B" w:rsidRPr="00474E4B">
              <w:t>ș</w:t>
            </w:r>
            <w:r w:rsidRPr="00474E4B">
              <w:t>i necorporale pentru a încuraja cre</w:t>
            </w:r>
            <w:r w:rsidR="00474E4B" w:rsidRPr="00474E4B">
              <w:t>ș</w:t>
            </w:r>
            <w:r w:rsidRPr="00474E4B">
              <w:t>terea, investi</w:t>
            </w:r>
            <w:r w:rsidR="00474E4B" w:rsidRPr="00474E4B">
              <w:t>ț</w:t>
            </w:r>
            <w:r w:rsidRPr="00474E4B">
              <w:t xml:space="preserve">iile </w:t>
            </w:r>
            <w:r w:rsidR="00474E4B" w:rsidRPr="00474E4B">
              <w:t>ș</w:t>
            </w:r>
            <w:r w:rsidRPr="00474E4B">
              <w:t>i ocuparea for</w:t>
            </w:r>
            <w:r w:rsidR="00474E4B" w:rsidRPr="00474E4B">
              <w:t>ț</w:t>
            </w:r>
            <w:r w:rsidRPr="00474E4B">
              <w:t xml:space="preserve">ei de muncă, contribuind, astfel, la o bunăstare sporită </w:t>
            </w:r>
            <w:r w:rsidR="00474E4B" w:rsidRPr="00474E4B">
              <w:t>ș</w:t>
            </w:r>
            <w:r w:rsidRPr="00474E4B">
              <w:t>i la distribuirea mai echitabilă a veniturilor în Uniune. Interven</w:t>
            </w:r>
            <w:r w:rsidR="00474E4B" w:rsidRPr="00474E4B">
              <w:t>ț</w:t>
            </w:r>
            <w:r w:rsidRPr="00474E4B">
              <w:t>ia din Fondul InvestEU ar trebui să completeze sprijinul Uniunii furnizat prin granturi.</w:t>
            </w:r>
          </w:p>
        </w:tc>
        <w:tc>
          <w:tcPr>
            <w:tcW w:w="4876" w:type="dxa"/>
          </w:tcPr>
          <w:p w:rsidR="00CC45A9" w:rsidRPr="00474E4B" w:rsidRDefault="00CC45A9" w:rsidP="001D1851">
            <w:pPr>
              <w:pStyle w:val="Normal6"/>
              <w:rPr>
                <w:noProof/>
              </w:rPr>
            </w:pPr>
            <w:r w:rsidRPr="00474E4B">
              <w:t>(6)</w:t>
            </w:r>
            <w:r w:rsidRPr="00474E4B">
              <w:tab/>
              <w:t>Fondul InvestEU ar trebui să sprijine investi</w:t>
            </w:r>
            <w:r w:rsidR="00474E4B" w:rsidRPr="00474E4B">
              <w:t>ț</w:t>
            </w:r>
            <w:r w:rsidRPr="00474E4B">
              <w:t xml:space="preserve">iile în active corporale </w:t>
            </w:r>
            <w:r w:rsidR="00474E4B" w:rsidRPr="00474E4B">
              <w:t>ș</w:t>
            </w:r>
            <w:r w:rsidRPr="00474E4B">
              <w:t>i necorporale pentru a încuraja cre</w:t>
            </w:r>
            <w:r w:rsidR="00474E4B" w:rsidRPr="00474E4B">
              <w:t>ș</w:t>
            </w:r>
            <w:r w:rsidRPr="00474E4B">
              <w:t>terea, investi</w:t>
            </w:r>
            <w:r w:rsidR="00474E4B" w:rsidRPr="00474E4B">
              <w:t>ț</w:t>
            </w:r>
            <w:r w:rsidRPr="00474E4B">
              <w:t xml:space="preserve">iile </w:t>
            </w:r>
            <w:r w:rsidR="00474E4B" w:rsidRPr="00474E4B">
              <w:t>ș</w:t>
            </w:r>
            <w:r w:rsidRPr="00474E4B">
              <w:t>i ocuparea for</w:t>
            </w:r>
            <w:r w:rsidR="00474E4B" w:rsidRPr="00474E4B">
              <w:t>ț</w:t>
            </w:r>
            <w:r w:rsidRPr="00474E4B">
              <w:t>ei de muncă, contribuind, astfel, la o bunăstare sporită</w:t>
            </w:r>
            <w:r w:rsidRPr="00474E4B">
              <w:rPr>
                <w:b/>
                <w:i/>
              </w:rPr>
              <w:t>, la combaterea sărăciei</w:t>
            </w:r>
            <w:r w:rsidRPr="00474E4B">
              <w:t xml:space="preserve"> </w:t>
            </w:r>
            <w:r w:rsidR="00474E4B" w:rsidRPr="00474E4B">
              <w:t>ș</w:t>
            </w:r>
            <w:r w:rsidRPr="00474E4B">
              <w:t>i la distribuirea mai echitabilă a veniturilor în Uniune. Interven</w:t>
            </w:r>
            <w:r w:rsidR="00474E4B" w:rsidRPr="00474E4B">
              <w:t>ț</w:t>
            </w:r>
            <w:r w:rsidRPr="00474E4B">
              <w:t>ia din Fondul InvestEU ar trebui să completeze</w:t>
            </w:r>
            <w:r w:rsidRPr="00474E4B">
              <w:rPr>
                <w:b/>
                <w:i/>
              </w:rPr>
              <w:t>, de fiecare dată când este necesar,</w:t>
            </w:r>
            <w:r w:rsidRPr="00474E4B">
              <w:t xml:space="preserve"> sprijinul Uniunii furnizat prin granturi.</w:t>
            </w:r>
          </w:p>
        </w:tc>
      </w:tr>
    </w:tbl>
    <w:p w:rsidR="00CC45A9" w:rsidRPr="00474E4B" w:rsidRDefault="00CC45A9" w:rsidP="00CC45A9">
      <w:pPr>
        <w:pStyle w:val="AMNumberTabs"/>
        <w:rPr>
          <w:rStyle w:val="HideTWBExt"/>
          <w:color w:val="auto"/>
        </w:rPr>
      </w:pPr>
      <w:r w:rsidRPr="00474E4B">
        <w:rPr>
          <w:rStyle w:val="HideTWBExt"/>
        </w:rPr>
        <w:t>&lt;/Amend&gt;</w:t>
      </w:r>
    </w:p>
    <w:p w:rsidR="00CC45A9" w:rsidRPr="00474E4B" w:rsidRDefault="00CC45A9" w:rsidP="00CC45A9">
      <w:pPr>
        <w:rPr>
          <w:noProof/>
        </w:rPr>
      </w:pPr>
    </w:p>
    <w:p w:rsidR="00CC45A9" w:rsidRPr="00474E4B" w:rsidRDefault="00CC45A9" w:rsidP="00CC45A9">
      <w:pPr>
        <w:pStyle w:val="AMNumberTabs"/>
        <w:keepNext/>
        <w:rPr>
          <w:noProof/>
        </w:rPr>
      </w:pPr>
      <w:r w:rsidRPr="00474E4B">
        <w:rPr>
          <w:rStyle w:val="HideTWBExt"/>
          <w:b w:val="0"/>
        </w:rPr>
        <w:lastRenderedPageBreak/>
        <w:t>&lt;Amend&gt;</w:t>
      </w:r>
      <w:r w:rsidRPr="00474E4B">
        <w:t>Amendamentul</w:t>
      </w:r>
      <w:r w:rsidRPr="00474E4B">
        <w:tab/>
      </w:r>
      <w:r w:rsidRPr="00474E4B">
        <w:tab/>
      </w:r>
      <w:r w:rsidRPr="00474E4B">
        <w:rPr>
          <w:rStyle w:val="HideTWBExt"/>
          <w:b w:val="0"/>
        </w:rPr>
        <w:t>&lt;NumAm&gt;</w:t>
      </w:r>
      <w:r w:rsidRPr="00474E4B">
        <w:t>6</w:t>
      </w:r>
      <w:r w:rsidRPr="00474E4B">
        <w:rPr>
          <w:rStyle w:val="HideTWBExt"/>
          <w:b w:val="0"/>
        </w:rPr>
        <w:t>&lt;/NumAm&gt;</w:t>
      </w:r>
    </w:p>
    <w:p w:rsidR="00CC45A9" w:rsidRPr="00474E4B" w:rsidRDefault="00CC45A9" w:rsidP="00CC45A9">
      <w:pPr>
        <w:pStyle w:val="NormalBold12b"/>
        <w:keepNext/>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Considerentul 9</w:t>
      </w:r>
      <w:r w:rsidRPr="00474E4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tcPr>
          <w:p w:rsidR="00CC45A9" w:rsidRPr="00474E4B" w:rsidRDefault="00CC45A9" w:rsidP="001D1851">
            <w:pPr>
              <w:pStyle w:val="ColumnHeading"/>
              <w:keepNext/>
              <w:rPr>
                <w:noProof/>
              </w:rPr>
            </w:pPr>
            <w:r w:rsidRPr="00474E4B">
              <w:t>Textul propus de Comisie</w:t>
            </w:r>
          </w:p>
        </w:tc>
        <w:tc>
          <w:tcPr>
            <w:tcW w:w="4876" w:type="dxa"/>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9)</w:t>
            </w:r>
            <w:r w:rsidRPr="00474E4B">
              <w:tab/>
              <w:t>Reflectând importan</w:t>
            </w:r>
            <w:r w:rsidR="00474E4B" w:rsidRPr="00474E4B">
              <w:t>ț</w:t>
            </w:r>
            <w:r w:rsidRPr="00474E4B">
              <w:t xml:space="preserve">a combaterii schimbărilor climatice în conformitate cu angajamentele Uniunii de a pune în aplicare Acordul de la Paris </w:t>
            </w:r>
            <w:r w:rsidR="00474E4B" w:rsidRPr="00474E4B">
              <w:t>ș</w:t>
            </w:r>
            <w:r w:rsidRPr="00474E4B">
              <w:t>i obiectivele de dezvoltare durabilă ale Organiza</w:t>
            </w:r>
            <w:r w:rsidR="00474E4B" w:rsidRPr="00474E4B">
              <w:t>ț</w:t>
            </w:r>
            <w:r w:rsidRPr="00474E4B">
              <w:t>iei Na</w:t>
            </w:r>
            <w:r w:rsidR="00474E4B" w:rsidRPr="00474E4B">
              <w:t>ț</w:t>
            </w:r>
            <w:r w:rsidRPr="00474E4B">
              <w:t xml:space="preserve">iunilor Unite, Programul InvestEU va contribui la integrarea politicilor climatice </w:t>
            </w:r>
            <w:r w:rsidR="00474E4B" w:rsidRPr="00474E4B">
              <w:t>ș</w:t>
            </w:r>
            <w:r w:rsidRPr="00474E4B">
              <w:t xml:space="preserve">i la îndeplinirea obiectivului general conform căruia 25 % din cheltuielile din bugetul Uniunii vor sprijini obiectivele politicilor climatice. Se preconizează ca măsurile din cadrul Programului InvestEU să contribuie în </w:t>
            </w:r>
            <w:r w:rsidRPr="00474E4B">
              <w:rPr>
                <w:b/>
                <w:i/>
              </w:rPr>
              <w:t>propor</w:t>
            </w:r>
            <w:r w:rsidR="00474E4B" w:rsidRPr="00474E4B">
              <w:rPr>
                <w:b/>
                <w:i/>
              </w:rPr>
              <w:t>ț</w:t>
            </w:r>
            <w:r w:rsidRPr="00474E4B">
              <w:rPr>
                <w:b/>
                <w:i/>
              </w:rPr>
              <w:t>ie de 30 % din pachetul financiar global al acestui program</w:t>
            </w:r>
            <w:r w:rsidRPr="00474E4B">
              <w:t xml:space="preserve"> la atingerea obiectivelor politicilor climatice. Măsurile relevante vor fi identificate în timpul elaborării </w:t>
            </w:r>
            <w:r w:rsidR="00474E4B" w:rsidRPr="00474E4B">
              <w:t>ș</w:t>
            </w:r>
            <w:r w:rsidRPr="00474E4B">
              <w:t xml:space="preserve">i al implementării Programului InvestEU </w:t>
            </w:r>
            <w:r w:rsidR="00474E4B" w:rsidRPr="00474E4B">
              <w:t>ș</w:t>
            </w:r>
            <w:r w:rsidRPr="00474E4B">
              <w:t xml:space="preserve">i vor fi reevaluate în contextul evaluărilor corespunzătoare </w:t>
            </w:r>
            <w:r w:rsidR="00474E4B" w:rsidRPr="00474E4B">
              <w:t>ș</w:t>
            </w:r>
            <w:r w:rsidRPr="00474E4B">
              <w:t>i al procedurilor de revizuire.</w:t>
            </w:r>
          </w:p>
        </w:tc>
        <w:tc>
          <w:tcPr>
            <w:tcW w:w="4876" w:type="dxa"/>
          </w:tcPr>
          <w:p w:rsidR="00CC45A9" w:rsidRPr="00474E4B" w:rsidRDefault="00CC45A9" w:rsidP="001D1851">
            <w:pPr>
              <w:pStyle w:val="Normal6"/>
              <w:rPr>
                <w:noProof/>
                <w:szCs w:val="24"/>
              </w:rPr>
            </w:pPr>
            <w:r w:rsidRPr="00474E4B">
              <w:t>(9)</w:t>
            </w:r>
            <w:r w:rsidRPr="00474E4B">
              <w:tab/>
              <w:t>Reflectând importan</w:t>
            </w:r>
            <w:r w:rsidR="00474E4B" w:rsidRPr="00474E4B">
              <w:t>ț</w:t>
            </w:r>
            <w:r w:rsidRPr="00474E4B">
              <w:t xml:space="preserve">a combaterii schimbărilor climatice în conformitate cu angajamentele Uniunii de a pune în aplicare Acordul de la Paris </w:t>
            </w:r>
            <w:r w:rsidR="00474E4B" w:rsidRPr="00474E4B">
              <w:t>ș</w:t>
            </w:r>
            <w:r w:rsidRPr="00474E4B">
              <w:t>i obiectivele de dezvoltare durabilă ale Organiza</w:t>
            </w:r>
            <w:r w:rsidR="00474E4B" w:rsidRPr="00474E4B">
              <w:t>ț</w:t>
            </w:r>
            <w:r w:rsidRPr="00474E4B">
              <w:t>iei Na</w:t>
            </w:r>
            <w:r w:rsidR="00474E4B" w:rsidRPr="00474E4B">
              <w:t>ț</w:t>
            </w:r>
            <w:r w:rsidRPr="00474E4B">
              <w:t xml:space="preserve">iunilor Unite, Programul InvestEU va contribui la integrarea politicilor climatice </w:t>
            </w:r>
            <w:r w:rsidR="00474E4B" w:rsidRPr="00474E4B">
              <w:t>ș</w:t>
            </w:r>
            <w:r w:rsidRPr="00474E4B">
              <w:t xml:space="preserve">i la îndeplinirea obiectivului general conform căruia 25 % din cheltuielile din bugetul Uniunii vor sprijini obiectivele politicilor climatice. Se preconizează ca măsurile din cadrul Programului InvestEU să contribuie în </w:t>
            </w:r>
            <w:r w:rsidRPr="00474E4B">
              <w:rPr>
                <w:b/>
                <w:i/>
              </w:rPr>
              <w:t>mod corespunzător</w:t>
            </w:r>
            <w:r w:rsidRPr="00474E4B">
              <w:t xml:space="preserve"> la atingerea obiectivelor politicilor climatice. Măsurile relevante vor fi identificate în timpul elaborării </w:t>
            </w:r>
            <w:r w:rsidR="00474E4B" w:rsidRPr="00474E4B">
              <w:t>ș</w:t>
            </w:r>
            <w:r w:rsidRPr="00474E4B">
              <w:t xml:space="preserve">i al implementării Programului InvestEU </w:t>
            </w:r>
            <w:r w:rsidR="00474E4B" w:rsidRPr="00474E4B">
              <w:t>ș</w:t>
            </w:r>
            <w:r w:rsidRPr="00474E4B">
              <w:t xml:space="preserve">i vor fi reevaluate în contextul evaluărilor corespunzătoare </w:t>
            </w:r>
            <w:r w:rsidR="00474E4B" w:rsidRPr="00474E4B">
              <w:t>ș</w:t>
            </w:r>
            <w:r w:rsidRPr="00474E4B">
              <w:t>i al procedurilor de revizuire.</w:t>
            </w:r>
          </w:p>
        </w:tc>
      </w:tr>
    </w:tbl>
    <w:p w:rsidR="00CC45A9" w:rsidRPr="00474E4B" w:rsidRDefault="00CC45A9" w:rsidP="00CC45A9">
      <w:pPr>
        <w:pStyle w:val="JustificationTitle"/>
        <w:rPr>
          <w:noProof/>
        </w:rPr>
      </w:pPr>
      <w:r w:rsidRPr="00474E4B">
        <w:rPr>
          <w:rStyle w:val="HideTWBExt"/>
          <w:i w:val="0"/>
        </w:rPr>
        <w:t>&lt;TitreJust&gt;</w:t>
      </w:r>
      <w:r w:rsidRPr="00474E4B">
        <w:t>Justificare</w:t>
      </w:r>
      <w:r w:rsidRPr="00474E4B">
        <w:rPr>
          <w:rStyle w:val="HideTWBExt"/>
          <w:i w:val="0"/>
        </w:rPr>
        <w:t>&lt;/TitreJust&gt;</w:t>
      </w:r>
    </w:p>
    <w:p w:rsidR="00CC45A9" w:rsidRPr="00474E4B" w:rsidRDefault="00CC45A9" w:rsidP="00CC45A9">
      <w:pPr>
        <w:pStyle w:val="Normal12Italic"/>
        <w:rPr>
          <w:noProof/>
        </w:rPr>
      </w:pPr>
      <w:r w:rsidRPr="00474E4B">
        <w:t xml:space="preserve">Propunerea Comisiei prevede ca 100 % din alocarea bugetară propusă pentru componenta „infrastructură durabilă” să fie destinată sprijinirii obiectivelor climatice. Acest lucru este nerezonabil </w:t>
      </w:r>
      <w:r w:rsidR="00474E4B" w:rsidRPr="00474E4B">
        <w:t>ș</w:t>
      </w:r>
      <w:r w:rsidRPr="00474E4B">
        <w:t>i ar putea pune capăt necesită</w:t>
      </w:r>
      <w:r w:rsidR="00474E4B" w:rsidRPr="00474E4B">
        <w:t>ț</w:t>
      </w:r>
      <w:r w:rsidRPr="00474E4B">
        <w:t xml:space="preserve">ii urgente de a dezvolta proiecte legate de dezvoltarea infrastructurii digitale </w:t>
      </w:r>
      <w:r w:rsidR="00474E4B" w:rsidRPr="00474E4B">
        <w:t>ș</w:t>
      </w:r>
      <w:r w:rsidRPr="00474E4B">
        <w:t xml:space="preserve">i modernizarea infrastructurii de transport, </w:t>
      </w:r>
      <w:r w:rsidR="00474E4B" w:rsidRPr="00474E4B">
        <w:t>ș</w:t>
      </w:r>
      <w:r w:rsidRPr="00474E4B">
        <w:t>i anume investi</w:t>
      </w:r>
      <w:r w:rsidR="00474E4B" w:rsidRPr="00474E4B">
        <w:t>ț</w:t>
      </w:r>
      <w:r w:rsidRPr="00474E4B">
        <w:t>ii care au efecte pozitive asupra climei, de exemplu, prin cre</w:t>
      </w:r>
      <w:r w:rsidR="00474E4B" w:rsidRPr="00474E4B">
        <w:t>ș</w:t>
      </w:r>
      <w:r w:rsidRPr="00474E4B">
        <w:t>terea eficien</w:t>
      </w:r>
      <w:r w:rsidR="00474E4B" w:rsidRPr="00474E4B">
        <w:t>ț</w:t>
      </w:r>
      <w:r w:rsidRPr="00474E4B">
        <w:t>ei.</w:t>
      </w:r>
    </w:p>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7</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Considerentul 10</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10)</w:t>
            </w:r>
            <w:r w:rsidRPr="00474E4B">
              <w:tab/>
              <w:t>Contribu</w:t>
            </w:r>
            <w:r w:rsidR="00474E4B" w:rsidRPr="00474E4B">
              <w:t>ț</w:t>
            </w:r>
            <w:r w:rsidRPr="00474E4B">
              <w:t xml:space="preserve">ia Fondului InvestEU la îndeplinirea obiectivului climatic va fi urmărită printr-un sistem de urmărire a politicilor climatice al UE elaborat de </w:t>
            </w:r>
            <w:r w:rsidRPr="00474E4B">
              <w:lastRenderedPageBreak/>
              <w:t xml:space="preserve">Comisie în cooperare cu partenerii de implementare </w:t>
            </w:r>
            <w:r w:rsidR="00474E4B" w:rsidRPr="00474E4B">
              <w:t>ș</w:t>
            </w:r>
            <w:r w:rsidRPr="00474E4B">
              <w:t>i folosind corespunzător criteriile prevăzute în [Regulamentul privind instituirea unui cadru de facilitare a investi</w:t>
            </w:r>
            <w:r w:rsidR="00474E4B" w:rsidRPr="00474E4B">
              <w:t>ț</w:t>
            </w:r>
            <w:r w:rsidRPr="00474E4B">
              <w:t>iilor durabile</w:t>
            </w:r>
            <w:r w:rsidRPr="00474E4B">
              <w:rPr>
                <w:rStyle w:val="Sup"/>
                <w:color w:val="auto"/>
              </w:rPr>
              <w:t>14</w:t>
            </w:r>
            <w:r w:rsidRPr="00474E4B">
              <w:t>] pentru a stabili dacă o activitate economică este durabilă din punct de vedere al mediului sau nu.</w:t>
            </w:r>
          </w:p>
        </w:tc>
        <w:tc>
          <w:tcPr>
            <w:tcW w:w="4876" w:type="dxa"/>
          </w:tcPr>
          <w:p w:rsidR="00CC45A9" w:rsidRPr="00474E4B" w:rsidRDefault="00CC45A9" w:rsidP="001D1851">
            <w:pPr>
              <w:pStyle w:val="Normal6"/>
              <w:rPr>
                <w:noProof/>
              </w:rPr>
            </w:pPr>
            <w:r w:rsidRPr="00474E4B">
              <w:lastRenderedPageBreak/>
              <w:t>(10)</w:t>
            </w:r>
            <w:r w:rsidRPr="00474E4B">
              <w:tab/>
              <w:t>Contribu</w:t>
            </w:r>
            <w:r w:rsidR="00474E4B" w:rsidRPr="00474E4B">
              <w:t>ț</w:t>
            </w:r>
            <w:r w:rsidRPr="00474E4B">
              <w:t xml:space="preserve">ia Fondului InvestEU la îndeplinirea obiectivului climatic va fi urmărită printr-un sistem de urmărire a politicilor climatice al UE elaborat de </w:t>
            </w:r>
            <w:r w:rsidRPr="00474E4B">
              <w:lastRenderedPageBreak/>
              <w:t xml:space="preserve">Comisie în cooperare cu partenerii de implementare </w:t>
            </w:r>
            <w:r w:rsidR="00474E4B" w:rsidRPr="00474E4B">
              <w:t>ș</w:t>
            </w:r>
            <w:r w:rsidRPr="00474E4B">
              <w:t>i folosind corespunzător criteriile prevăzute în [Regulamentul privind instituirea unui cadru de facilitare a investi</w:t>
            </w:r>
            <w:r w:rsidR="00474E4B" w:rsidRPr="00474E4B">
              <w:t>ț</w:t>
            </w:r>
            <w:r w:rsidRPr="00474E4B">
              <w:t>iilor durabile</w:t>
            </w:r>
            <w:r w:rsidRPr="00474E4B">
              <w:rPr>
                <w:rStyle w:val="Sup"/>
                <w:color w:val="auto"/>
              </w:rPr>
              <w:t>14</w:t>
            </w:r>
            <w:r w:rsidRPr="00474E4B">
              <w:t xml:space="preserve">] pentru a stabili dacă o activitate economică este durabilă din punct de vedere al mediului sau nu. </w:t>
            </w:r>
            <w:r w:rsidRPr="00474E4B">
              <w:rPr>
                <w:b/>
                <w:i/>
              </w:rPr>
              <w:t xml:space="preserve">Fondul InvestEU va contribui, de asemenea, la punerea în aplicare a obiectivelor de dezvoltare durabilă (ODD) în politicile </w:t>
            </w:r>
            <w:r w:rsidR="00474E4B" w:rsidRPr="00474E4B">
              <w:rPr>
                <w:b/>
                <w:i/>
              </w:rPr>
              <w:t>ș</w:t>
            </w:r>
            <w:r w:rsidRPr="00474E4B">
              <w:rPr>
                <w:b/>
                <w:i/>
              </w:rPr>
              <w:t>i ini</w:t>
            </w:r>
            <w:r w:rsidR="00474E4B" w:rsidRPr="00474E4B">
              <w:rPr>
                <w:b/>
                <w:i/>
              </w:rPr>
              <w:t>ț</w:t>
            </w:r>
            <w:r w:rsidRPr="00474E4B">
              <w:rPr>
                <w:b/>
                <w:i/>
              </w:rPr>
              <w:t>iativele UE, dezvoltarea durabilă fiind un principiu director esen</w:t>
            </w:r>
            <w:r w:rsidR="00474E4B" w:rsidRPr="00474E4B">
              <w:rPr>
                <w:b/>
                <w:i/>
              </w:rPr>
              <w:t>ț</w:t>
            </w:r>
            <w:r w:rsidRPr="00474E4B">
              <w:rPr>
                <w:b/>
                <w:i/>
              </w:rPr>
              <w:t>ial.</w:t>
            </w:r>
          </w:p>
        </w:tc>
      </w:tr>
      <w:tr w:rsidR="00CC45A9" w:rsidRPr="00474E4B" w:rsidTr="001D1851">
        <w:trPr>
          <w:jc w:val="center"/>
        </w:trPr>
        <w:tc>
          <w:tcPr>
            <w:tcW w:w="4876" w:type="dxa"/>
          </w:tcPr>
          <w:p w:rsidR="00CC45A9" w:rsidRPr="00474E4B" w:rsidRDefault="00CC45A9" w:rsidP="001D1851">
            <w:pPr>
              <w:pStyle w:val="Normal6"/>
              <w:rPr>
                <w:noProof/>
              </w:rPr>
            </w:pPr>
            <w:r w:rsidRPr="00474E4B">
              <w:lastRenderedPageBreak/>
              <w:t>_________________</w:t>
            </w:r>
          </w:p>
        </w:tc>
        <w:tc>
          <w:tcPr>
            <w:tcW w:w="4876" w:type="dxa"/>
          </w:tcPr>
          <w:p w:rsidR="00CC45A9" w:rsidRPr="00474E4B" w:rsidRDefault="00CC45A9" w:rsidP="001D1851">
            <w:pPr>
              <w:pStyle w:val="Normal6"/>
              <w:rPr>
                <w:noProof/>
              </w:rPr>
            </w:pPr>
            <w:r w:rsidRPr="00474E4B">
              <w:t>_________________</w:t>
            </w:r>
          </w:p>
        </w:tc>
      </w:tr>
      <w:tr w:rsidR="00CC45A9" w:rsidRPr="00474E4B" w:rsidTr="001D1851">
        <w:trPr>
          <w:jc w:val="center"/>
        </w:trPr>
        <w:tc>
          <w:tcPr>
            <w:tcW w:w="4876" w:type="dxa"/>
          </w:tcPr>
          <w:p w:rsidR="00CC45A9" w:rsidRPr="00474E4B" w:rsidRDefault="00CC45A9" w:rsidP="001D1851">
            <w:pPr>
              <w:pStyle w:val="Normal6"/>
              <w:rPr>
                <w:noProof/>
              </w:rPr>
            </w:pPr>
            <w:r w:rsidRPr="00474E4B">
              <w:rPr>
                <w:rStyle w:val="Sup"/>
                <w:color w:val="auto"/>
              </w:rPr>
              <w:t>14</w:t>
            </w:r>
            <w:r w:rsidRPr="00474E4B">
              <w:t xml:space="preserve"> COM(2018)353.</w:t>
            </w:r>
          </w:p>
        </w:tc>
        <w:tc>
          <w:tcPr>
            <w:tcW w:w="4876" w:type="dxa"/>
          </w:tcPr>
          <w:p w:rsidR="00CC45A9" w:rsidRPr="00474E4B" w:rsidRDefault="00CC45A9" w:rsidP="001D1851">
            <w:pPr>
              <w:pStyle w:val="Normal6"/>
              <w:rPr>
                <w:noProof/>
              </w:rPr>
            </w:pPr>
            <w:r w:rsidRPr="00474E4B">
              <w:rPr>
                <w:rStyle w:val="Sup"/>
                <w:color w:val="auto"/>
              </w:rPr>
              <w:t>14</w:t>
            </w:r>
            <w:r w:rsidRPr="00474E4B">
              <w:t xml:space="preserve"> COM(2018)353.</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8</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Considerentul 12</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12)</w:t>
            </w:r>
            <w:r w:rsidRPr="00474E4B">
              <w:tab/>
              <w:t>Proiectele de investi</w:t>
            </w:r>
            <w:r w:rsidR="00474E4B" w:rsidRPr="00474E4B">
              <w:t>ț</w:t>
            </w:r>
            <w:r w:rsidRPr="00474E4B">
              <w:t>ii care primesc un sprijin substan</w:t>
            </w:r>
            <w:r w:rsidR="00474E4B" w:rsidRPr="00474E4B">
              <w:t>ț</w:t>
            </w:r>
            <w:r w:rsidRPr="00474E4B">
              <w:t>ial din partea Uniunii, în special în domeniul infrastructurii, ar trebui să fie supuse evaluării durabilită</w:t>
            </w:r>
            <w:r w:rsidR="00474E4B" w:rsidRPr="00474E4B">
              <w:t>ț</w:t>
            </w:r>
            <w:r w:rsidRPr="00474E4B">
              <w:t xml:space="preserve">ii în conformitate cu orientările care ar trebui să fie elaborate de Comisie în cooperare cu partenerii de implementare în cadrul Programului InvestEU </w:t>
            </w:r>
            <w:r w:rsidR="00474E4B" w:rsidRPr="00474E4B">
              <w:t>ș</w:t>
            </w:r>
            <w:r w:rsidRPr="00474E4B">
              <w:t>i folosind corespunzător criteriile prevăzute în [Regulamentul privind instituirea unui cadru de facilitare a investi</w:t>
            </w:r>
            <w:r w:rsidR="00474E4B" w:rsidRPr="00474E4B">
              <w:t>ț</w:t>
            </w:r>
            <w:r w:rsidRPr="00474E4B">
              <w:t xml:space="preserve">iilor durabile] pentru a stabili dacă o activitate economică este durabilă din punct de vedere economic sau nu </w:t>
            </w:r>
            <w:r w:rsidR="00474E4B" w:rsidRPr="00474E4B">
              <w:t>ș</w:t>
            </w:r>
            <w:r w:rsidRPr="00474E4B">
              <w:t>i dacă este în concordan</w:t>
            </w:r>
            <w:r w:rsidR="00474E4B" w:rsidRPr="00474E4B">
              <w:t>ț</w:t>
            </w:r>
            <w:r w:rsidRPr="00474E4B">
              <w:t>ă cu orientările elaborate pentru alte programe ale Uniunii. Astfel de orientări ar trebui să includă dispozi</w:t>
            </w:r>
            <w:r w:rsidR="00474E4B" w:rsidRPr="00474E4B">
              <w:t>ț</w:t>
            </w:r>
            <w:r w:rsidRPr="00474E4B">
              <w:t>ii adecvate, pentru a evita o sarcină administrativă excesivă.</w:t>
            </w:r>
          </w:p>
        </w:tc>
        <w:tc>
          <w:tcPr>
            <w:tcW w:w="4876" w:type="dxa"/>
          </w:tcPr>
          <w:p w:rsidR="00CC45A9" w:rsidRPr="00474E4B" w:rsidRDefault="00CC45A9" w:rsidP="001D1851">
            <w:pPr>
              <w:pStyle w:val="Normal6"/>
              <w:rPr>
                <w:noProof/>
              </w:rPr>
            </w:pPr>
            <w:r w:rsidRPr="00474E4B">
              <w:t>(12)</w:t>
            </w:r>
            <w:r w:rsidRPr="00474E4B">
              <w:tab/>
              <w:t>Proiectele de investi</w:t>
            </w:r>
            <w:r w:rsidR="00474E4B" w:rsidRPr="00474E4B">
              <w:t>ț</w:t>
            </w:r>
            <w:r w:rsidRPr="00474E4B">
              <w:t>ii care primesc un sprijin substan</w:t>
            </w:r>
            <w:r w:rsidR="00474E4B" w:rsidRPr="00474E4B">
              <w:t>ț</w:t>
            </w:r>
            <w:r w:rsidRPr="00474E4B">
              <w:t xml:space="preserve">ial din partea Uniunii, în special în domeniul infrastructurii, ar trebui să fie supuse evaluării </w:t>
            </w:r>
            <w:r w:rsidRPr="00474E4B">
              <w:rPr>
                <w:b/>
                <w:i/>
              </w:rPr>
              <w:t xml:space="preserve">valorii lor adăugate europene, în special a </w:t>
            </w:r>
            <w:r w:rsidRPr="00474E4B">
              <w:t>durabilită</w:t>
            </w:r>
            <w:r w:rsidR="00474E4B" w:rsidRPr="00474E4B">
              <w:t>ț</w:t>
            </w:r>
            <w:r w:rsidRPr="00474E4B">
              <w:t xml:space="preserve">ii în conformitate cu orientările care ar trebui să fie elaborate de Comisie în cooperare cu partenerii de implementare în cadrul Programului InvestEU </w:t>
            </w:r>
            <w:r w:rsidR="00474E4B" w:rsidRPr="00474E4B">
              <w:t>ș</w:t>
            </w:r>
            <w:r w:rsidRPr="00474E4B">
              <w:t>i folosind corespunzător criteriile prevăzute în [Regulamentul privind instituirea unui cadru de facilitare a investi</w:t>
            </w:r>
            <w:r w:rsidR="00474E4B" w:rsidRPr="00474E4B">
              <w:t>ț</w:t>
            </w:r>
            <w:r w:rsidRPr="00474E4B">
              <w:t xml:space="preserve">iilor durabile] pentru a stabili dacă o activitate economică este durabilă din punct de vedere economic sau nu </w:t>
            </w:r>
            <w:r w:rsidR="00474E4B" w:rsidRPr="00474E4B">
              <w:t>ș</w:t>
            </w:r>
            <w:r w:rsidRPr="00474E4B">
              <w:t>i dacă este în concordan</w:t>
            </w:r>
            <w:r w:rsidR="00474E4B" w:rsidRPr="00474E4B">
              <w:t>ț</w:t>
            </w:r>
            <w:r w:rsidRPr="00474E4B">
              <w:t>ă cu orientările elaborate pentru alte programe ale Uniunii. Astfel de orientări ar trebui să includă dispozi</w:t>
            </w:r>
            <w:r w:rsidR="00474E4B" w:rsidRPr="00474E4B">
              <w:t>ț</w:t>
            </w:r>
            <w:r w:rsidRPr="00474E4B">
              <w:t>ii adecvate, pentru a evita o sarcină administrativă excesivă.</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rPr>
          <w:noProof/>
        </w:rPr>
      </w:pP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9</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lastRenderedPageBreak/>
        <w:t>&lt;Article&gt;</w:t>
      </w:r>
      <w:r w:rsidRPr="00474E4B">
        <w:t>Considerentul 13</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13)</w:t>
            </w:r>
            <w:r w:rsidRPr="00474E4B">
              <w:tab/>
              <w:t>Ratele scăzute de investi</w:t>
            </w:r>
            <w:r w:rsidR="00474E4B" w:rsidRPr="00474E4B">
              <w:t>ț</w:t>
            </w:r>
            <w:r w:rsidRPr="00474E4B">
              <w:t>ii în infrastructură din Uniune în timpul crizei financiare au subminat capacitatea Uniunii de a stimula cre</w:t>
            </w:r>
            <w:r w:rsidR="00474E4B" w:rsidRPr="00474E4B">
              <w:t>ș</w:t>
            </w:r>
            <w:r w:rsidRPr="00474E4B">
              <w:t xml:space="preserve">terea durabilă, competitivitatea </w:t>
            </w:r>
            <w:r w:rsidR="00474E4B" w:rsidRPr="00474E4B">
              <w:t>ș</w:t>
            </w:r>
            <w:r w:rsidRPr="00474E4B">
              <w:t>i convergen</w:t>
            </w:r>
            <w:r w:rsidR="00474E4B" w:rsidRPr="00474E4B">
              <w:t>ț</w:t>
            </w:r>
            <w:r w:rsidRPr="00474E4B">
              <w:t>a. Investi</w:t>
            </w:r>
            <w:r w:rsidR="00474E4B" w:rsidRPr="00474E4B">
              <w:t>ț</w:t>
            </w:r>
            <w:r w:rsidRPr="00474E4B">
              <w:t xml:space="preserve">iile considerabile în infrastructura europeană sunt fundamentale pentru a îndeplini </w:t>
            </w:r>
            <w:r w:rsidRPr="00474E4B">
              <w:rPr>
                <w:b/>
                <w:i/>
              </w:rPr>
              <w:t>obiectivele</w:t>
            </w:r>
            <w:r w:rsidRPr="00474E4B">
              <w:t xml:space="preserve"> de </w:t>
            </w:r>
            <w:r w:rsidRPr="00474E4B">
              <w:rPr>
                <w:b/>
                <w:i/>
              </w:rPr>
              <w:t>durabilitate ale Uniunii</w:t>
            </w:r>
            <w:r w:rsidRPr="00474E4B">
              <w:t xml:space="preserve">, inclusiv obiectivele climatice </w:t>
            </w:r>
            <w:r w:rsidR="00474E4B" w:rsidRPr="00474E4B">
              <w:t>ș</w:t>
            </w:r>
            <w:r w:rsidRPr="00474E4B">
              <w:t>i energetice stabilite pentru 2030. În consecin</w:t>
            </w:r>
            <w:r w:rsidR="00474E4B" w:rsidRPr="00474E4B">
              <w:t>ț</w:t>
            </w:r>
            <w:r w:rsidRPr="00474E4B">
              <w:t>ă, sprijinul din Fondul InvestEU ar trebui să vizeze investi</w:t>
            </w:r>
            <w:r w:rsidR="00474E4B" w:rsidRPr="00474E4B">
              <w:t>ț</w:t>
            </w:r>
            <w:r w:rsidRPr="00474E4B">
              <w:t xml:space="preserve">iile în </w:t>
            </w:r>
            <w:r w:rsidRPr="00474E4B">
              <w:rPr>
                <w:b/>
                <w:i/>
              </w:rPr>
              <w:t>transporturi,</w:t>
            </w:r>
            <w:r w:rsidRPr="00474E4B">
              <w:t xml:space="preserve"> energie, inclusiv eficien</w:t>
            </w:r>
            <w:r w:rsidR="00474E4B" w:rsidRPr="00474E4B">
              <w:t>ț</w:t>
            </w:r>
            <w:r w:rsidRPr="00474E4B">
              <w:t xml:space="preserve">a energetică </w:t>
            </w:r>
            <w:r w:rsidR="00474E4B" w:rsidRPr="00474E4B">
              <w:t>ș</w:t>
            </w:r>
            <w:r w:rsidRPr="00474E4B">
              <w:t xml:space="preserve">i energia regenerabilă, măsuri de mediu, climatice, infrastructura maritimă </w:t>
            </w:r>
            <w:r w:rsidR="00474E4B" w:rsidRPr="00474E4B">
              <w:t>ș</w:t>
            </w:r>
            <w:r w:rsidRPr="00474E4B">
              <w:t xml:space="preserve">i digitală. Pentru a maximiza impactul </w:t>
            </w:r>
            <w:r w:rsidR="00474E4B" w:rsidRPr="00474E4B">
              <w:t>ș</w:t>
            </w:r>
            <w:r w:rsidRPr="00474E4B">
              <w:t>i valoarea adăugată ale sprijinului financiar din partea Uniunii, este adecvat să se promoveze un proces de investi</w:t>
            </w:r>
            <w:r w:rsidR="00474E4B" w:rsidRPr="00474E4B">
              <w:t>ț</w:t>
            </w:r>
            <w:r w:rsidRPr="00474E4B">
              <w:t>ii ra</w:t>
            </w:r>
            <w:r w:rsidR="00474E4B" w:rsidRPr="00474E4B">
              <w:t>ț</w:t>
            </w:r>
            <w:r w:rsidRPr="00474E4B">
              <w:t>ionalizat, care să ofere vizibilitate proiectelor care trebuie finan</w:t>
            </w:r>
            <w:r w:rsidR="00474E4B" w:rsidRPr="00474E4B">
              <w:t>ț</w:t>
            </w:r>
            <w:r w:rsidRPr="00474E4B">
              <w:t xml:space="preserve">ate </w:t>
            </w:r>
            <w:r w:rsidR="00474E4B" w:rsidRPr="00474E4B">
              <w:t>ș</w:t>
            </w:r>
            <w:r w:rsidRPr="00474E4B">
              <w:t xml:space="preserve">i să </w:t>
            </w:r>
            <w:r w:rsidRPr="00474E4B">
              <w:rPr>
                <w:b/>
                <w:i/>
              </w:rPr>
              <w:t>permită asigurarea consecven</w:t>
            </w:r>
            <w:r w:rsidR="00474E4B" w:rsidRPr="00474E4B">
              <w:rPr>
                <w:b/>
                <w:i/>
              </w:rPr>
              <w:t>ț</w:t>
            </w:r>
            <w:r w:rsidRPr="00474E4B">
              <w:rPr>
                <w:b/>
                <w:i/>
              </w:rPr>
              <w:t>ei</w:t>
            </w:r>
            <w:r w:rsidRPr="00474E4B">
              <w:t xml:space="preserve"> între programele relevante ale Uniunii. Având în vedere amenin</w:t>
            </w:r>
            <w:r w:rsidR="00474E4B" w:rsidRPr="00474E4B">
              <w:t>ț</w:t>
            </w:r>
            <w:r w:rsidRPr="00474E4B">
              <w:t>ările la adresa securită</w:t>
            </w:r>
            <w:r w:rsidR="00474E4B" w:rsidRPr="00474E4B">
              <w:t>ț</w:t>
            </w:r>
            <w:r w:rsidRPr="00474E4B">
              <w:t>ii, proiectele de investi</w:t>
            </w:r>
            <w:r w:rsidR="00474E4B" w:rsidRPr="00474E4B">
              <w:t>ț</w:t>
            </w:r>
            <w:r w:rsidRPr="00474E4B">
              <w:t xml:space="preserve">ii care beneficiază de sprijin din partea Uniunii ar trebui să </w:t>
            </w:r>
            <w:r w:rsidR="00474E4B" w:rsidRPr="00474E4B">
              <w:t>ț</w:t>
            </w:r>
            <w:r w:rsidRPr="00474E4B">
              <w:t>ină seama de principiul protejării cetă</w:t>
            </w:r>
            <w:r w:rsidR="00474E4B" w:rsidRPr="00474E4B">
              <w:t>ț</w:t>
            </w:r>
            <w:r w:rsidRPr="00474E4B">
              <w:t>enilor în spa</w:t>
            </w:r>
            <w:r w:rsidR="00474E4B" w:rsidRPr="00474E4B">
              <w:t>ț</w:t>
            </w:r>
            <w:r w:rsidRPr="00474E4B">
              <w:t>iile publice. Această ac</w:t>
            </w:r>
            <w:r w:rsidR="00474E4B" w:rsidRPr="00474E4B">
              <w:t>ț</w:t>
            </w:r>
            <w:r w:rsidRPr="00474E4B">
              <w:t>iune ar trebui să fie complementară eforturilor făcute din alte fonduri ale Uniunii, cum ar fi Fondul european de dezvoltare regională, care oferă sprijin pentru componentele de securitate ale investi</w:t>
            </w:r>
            <w:r w:rsidR="00474E4B" w:rsidRPr="00474E4B">
              <w:t>ț</w:t>
            </w:r>
            <w:r w:rsidRPr="00474E4B">
              <w:t>iilor în spa</w:t>
            </w:r>
            <w:r w:rsidR="00474E4B" w:rsidRPr="00474E4B">
              <w:t>ț</w:t>
            </w:r>
            <w:r w:rsidRPr="00474E4B">
              <w:t xml:space="preserve">ii publice, transporturi, energie </w:t>
            </w:r>
            <w:r w:rsidR="00474E4B" w:rsidRPr="00474E4B">
              <w:t>ș</w:t>
            </w:r>
            <w:r w:rsidRPr="00474E4B">
              <w:t>i alte infrastructuri critice.</w:t>
            </w:r>
          </w:p>
        </w:tc>
        <w:tc>
          <w:tcPr>
            <w:tcW w:w="4876" w:type="dxa"/>
            <w:hideMark/>
          </w:tcPr>
          <w:p w:rsidR="00CC45A9" w:rsidRPr="00474E4B" w:rsidRDefault="00CC45A9" w:rsidP="001D1851">
            <w:pPr>
              <w:pStyle w:val="Normal6"/>
              <w:rPr>
                <w:noProof/>
                <w:szCs w:val="24"/>
              </w:rPr>
            </w:pPr>
            <w:r w:rsidRPr="00474E4B">
              <w:t>(13)</w:t>
            </w:r>
            <w:r w:rsidRPr="00474E4B">
              <w:tab/>
              <w:t>Ratele scăzute de investi</w:t>
            </w:r>
            <w:r w:rsidR="00474E4B" w:rsidRPr="00474E4B">
              <w:t>ț</w:t>
            </w:r>
            <w:r w:rsidRPr="00474E4B">
              <w:t>ii în infrastructură din Uniune în timpul crizei financiare au subminat capacitatea Uniunii de a stimula cre</w:t>
            </w:r>
            <w:r w:rsidR="00474E4B" w:rsidRPr="00474E4B">
              <w:t>ș</w:t>
            </w:r>
            <w:r w:rsidRPr="00474E4B">
              <w:t xml:space="preserve">terea durabilă, competitivitatea </w:t>
            </w:r>
            <w:r w:rsidR="00474E4B" w:rsidRPr="00474E4B">
              <w:t>ș</w:t>
            </w:r>
            <w:r w:rsidRPr="00474E4B">
              <w:t>i convergen</w:t>
            </w:r>
            <w:r w:rsidR="00474E4B" w:rsidRPr="00474E4B">
              <w:t>ț</w:t>
            </w:r>
            <w:r w:rsidRPr="00474E4B">
              <w:t>a. Investi</w:t>
            </w:r>
            <w:r w:rsidR="00474E4B" w:rsidRPr="00474E4B">
              <w:t>ț</w:t>
            </w:r>
            <w:r w:rsidRPr="00474E4B">
              <w:t xml:space="preserve">iile considerabile în infrastructura europeană sunt fundamentale pentru a îndeplini </w:t>
            </w:r>
            <w:r w:rsidRPr="00474E4B">
              <w:rPr>
                <w:b/>
                <w:i/>
              </w:rPr>
              <w:t>obiectivul Uniunii</w:t>
            </w:r>
            <w:r w:rsidRPr="00474E4B">
              <w:t xml:space="preserve"> de </w:t>
            </w:r>
            <w:r w:rsidRPr="00474E4B">
              <w:rPr>
                <w:b/>
                <w:i/>
              </w:rPr>
              <w:t>a crea o pia</w:t>
            </w:r>
            <w:r w:rsidR="00474E4B" w:rsidRPr="00474E4B">
              <w:rPr>
                <w:b/>
                <w:i/>
              </w:rPr>
              <w:t>ț</w:t>
            </w:r>
            <w:r w:rsidRPr="00474E4B">
              <w:rPr>
                <w:b/>
                <w:i/>
              </w:rPr>
              <w:t xml:space="preserve">ă unică a transporturilor, precum </w:t>
            </w:r>
            <w:r w:rsidR="00474E4B" w:rsidRPr="00474E4B">
              <w:rPr>
                <w:b/>
                <w:i/>
              </w:rPr>
              <w:t>ș</w:t>
            </w:r>
            <w:r w:rsidRPr="00474E4B">
              <w:rPr>
                <w:b/>
                <w:i/>
              </w:rPr>
              <w:t>i obiectivele de durabilitate</w:t>
            </w:r>
            <w:r w:rsidRPr="00474E4B">
              <w:t xml:space="preserve">, inclusiv obiectivele climatice </w:t>
            </w:r>
            <w:r w:rsidR="00474E4B" w:rsidRPr="00474E4B">
              <w:t>ș</w:t>
            </w:r>
            <w:r w:rsidRPr="00474E4B">
              <w:t>i energetice stabilite pentru 2030. În consecin</w:t>
            </w:r>
            <w:r w:rsidR="00474E4B" w:rsidRPr="00474E4B">
              <w:t>ț</w:t>
            </w:r>
            <w:r w:rsidRPr="00474E4B">
              <w:t>ă, sprijinul din Fondul InvestEU ar trebui să vizeze investi</w:t>
            </w:r>
            <w:r w:rsidR="00474E4B" w:rsidRPr="00474E4B">
              <w:t>ț</w:t>
            </w:r>
            <w:r w:rsidRPr="00474E4B">
              <w:t xml:space="preserve">iile în </w:t>
            </w:r>
            <w:r w:rsidRPr="00474E4B">
              <w:rPr>
                <w:b/>
                <w:i/>
              </w:rPr>
              <w:t xml:space="preserve">infrastructurile tangibile de transport </w:t>
            </w:r>
            <w:r w:rsidR="00474E4B" w:rsidRPr="00474E4B">
              <w:rPr>
                <w:b/>
                <w:i/>
              </w:rPr>
              <w:t>ș</w:t>
            </w:r>
            <w:r w:rsidRPr="00474E4B">
              <w:rPr>
                <w:b/>
                <w:i/>
              </w:rPr>
              <w:t>i</w:t>
            </w:r>
            <w:r w:rsidRPr="00474E4B">
              <w:t xml:space="preserve"> energie, inclusiv eficien</w:t>
            </w:r>
            <w:r w:rsidR="00474E4B" w:rsidRPr="00474E4B">
              <w:t>ț</w:t>
            </w:r>
            <w:r w:rsidRPr="00474E4B">
              <w:t xml:space="preserve">a energetică </w:t>
            </w:r>
            <w:r w:rsidR="00474E4B" w:rsidRPr="00474E4B">
              <w:t>ș</w:t>
            </w:r>
            <w:r w:rsidRPr="00474E4B">
              <w:t xml:space="preserve">i energia regenerabilă, măsuri de mediu, climatice, infrastructura maritimă </w:t>
            </w:r>
            <w:r w:rsidR="00474E4B" w:rsidRPr="00474E4B">
              <w:t>ș</w:t>
            </w:r>
            <w:r w:rsidRPr="00474E4B">
              <w:t>i digitală</w:t>
            </w:r>
            <w:r w:rsidRPr="00474E4B">
              <w:rPr>
                <w:b/>
                <w:i/>
              </w:rPr>
              <w:t xml:space="preserve">, sprijinind, de exemplu, dezvoltarea </w:t>
            </w:r>
            <w:r w:rsidR="00474E4B" w:rsidRPr="00474E4B">
              <w:rPr>
                <w:b/>
                <w:i/>
              </w:rPr>
              <w:t>ș</w:t>
            </w:r>
            <w:r w:rsidRPr="00474E4B">
              <w:rPr>
                <w:b/>
                <w:i/>
              </w:rPr>
              <w:t>i instalarea sistemelor de transport inteligent (STI)</w:t>
            </w:r>
            <w:r w:rsidRPr="00474E4B">
              <w:t xml:space="preserve">. Pentru a maximiza impactul </w:t>
            </w:r>
            <w:r w:rsidR="00474E4B" w:rsidRPr="00474E4B">
              <w:t>ș</w:t>
            </w:r>
            <w:r w:rsidRPr="00474E4B">
              <w:t>i valoarea adăugată ale sprijinului financiar din partea Uniunii, este adecvat să se promoveze un proces de investi</w:t>
            </w:r>
            <w:r w:rsidR="00474E4B" w:rsidRPr="00474E4B">
              <w:t>ț</w:t>
            </w:r>
            <w:r w:rsidRPr="00474E4B">
              <w:t>ii ra</w:t>
            </w:r>
            <w:r w:rsidR="00474E4B" w:rsidRPr="00474E4B">
              <w:t>ț</w:t>
            </w:r>
            <w:r w:rsidRPr="00474E4B">
              <w:t>ionalizat, care să ofere vizibilitate proiectelor care trebuie finan</w:t>
            </w:r>
            <w:r w:rsidR="00474E4B" w:rsidRPr="00474E4B">
              <w:t>ț</w:t>
            </w:r>
            <w:r w:rsidRPr="00474E4B">
              <w:t xml:space="preserve">ate </w:t>
            </w:r>
            <w:r w:rsidR="00474E4B" w:rsidRPr="00474E4B">
              <w:t>ș</w:t>
            </w:r>
            <w:r w:rsidRPr="00474E4B">
              <w:t xml:space="preserve">i să </w:t>
            </w:r>
            <w:r w:rsidRPr="00474E4B">
              <w:rPr>
                <w:b/>
                <w:i/>
              </w:rPr>
              <w:t>maximizeze sinergiile</w:t>
            </w:r>
            <w:r w:rsidRPr="00474E4B">
              <w:t xml:space="preserve"> între programele relevante ale Uniunii</w:t>
            </w:r>
            <w:r w:rsidRPr="00474E4B">
              <w:rPr>
                <w:b/>
                <w:i/>
              </w:rPr>
              <w:t xml:space="preserve"> în domeniul transporturilor, al energiei </w:t>
            </w:r>
            <w:r w:rsidR="00474E4B" w:rsidRPr="00474E4B">
              <w:rPr>
                <w:b/>
                <w:i/>
              </w:rPr>
              <w:t>ș</w:t>
            </w:r>
            <w:r w:rsidRPr="00474E4B">
              <w:rPr>
                <w:b/>
                <w:i/>
              </w:rPr>
              <w:t>i în domeniul digital</w:t>
            </w:r>
            <w:r w:rsidRPr="00474E4B">
              <w:t>. Având în vedere amenin</w:t>
            </w:r>
            <w:r w:rsidR="00474E4B" w:rsidRPr="00474E4B">
              <w:t>ț</w:t>
            </w:r>
            <w:r w:rsidRPr="00474E4B">
              <w:t>ările la adresa securită</w:t>
            </w:r>
            <w:r w:rsidR="00474E4B" w:rsidRPr="00474E4B">
              <w:t>ț</w:t>
            </w:r>
            <w:r w:rsidRPr="00474E4B">
              <w:t>ii, proiectele de investi</w:t>
            </w:r>
            <w:r w:rsidR="00474E4B" w:rsidRPr="00474E4B">
              <w:t>ț</w:t>
            </w:r>
            <w:r w:rsidRPr="00474E4B">
              <w:t xml:space="preserve">ii care beneficiază de sprijin din partea Uniunii ar trebui să </w:t>
            </w:r>
            <w:r w:rsidR="00474E4B" w:rsidRPr="00474E4B">
              <w:t>ț</w:t>
            </w:r>
            <w:r w:rsidRPr="00474E4B">
              <w:t>ină seama de principiul protejării cetă</w:t>
            </w:r>
            <w:r w:rsidR="00474E4B" w:rsidRPr="00474E4B">
              <w:t>ț</w:t>
            </w:r>
            <w:r w:rsidRPr="00474E4B">
              <w:t>enilor în spa</w:t>
            </w:r>
            <w:r w:rsidR="00474E4B" w:rsidRPr="00474E4B">
              <w:t>ț</w:t>
            </w:r>
            <w:r w:rsidRPr="00474E4B">
              <w:t>iile publice. Această ac</w:t>
            </w:r>
            <w:r w:rsidR="00474E4B" w:rsidRPr="00474E4B">
              <w:t>ț</w:t>
            </w:r>
            <w:r w:rsidRPr="00474E4B">
              <w:t>iune ar trebui să fie complementară eforturilor făcute din alte fonduri ale Uniunii, cum ar fi Fondul european de dezvoltare regională, care oferă sprijin pentru componentele de securitate ale investi</w:t>
            </w:r>
            <w:r w:rsidR="00474E4B" w:rsidRPr="00474E4B">
              <w:t>ț</w:t>
            </w:r>
            <w:r w:rsidRPr="00474E4B">
              <w:t>iilor în spa</w:t>
            </w:r>
            <w:r w:rsidR="00474E4B" w:rsidRPr="00474E4B">
              <w:t>ț</w:t>
            </w:r>
            <w:r w:rsidRPr="00474E4B">
              <w:t xml:space="preserve">ii publice, transporturi, energie </w:t>
            </w:r>
            <w:r w:rsidR="00474E4B" w:rsidRPr="00474E4B">
              <w:t>ș</w:t>
            </w:r>
            <w:r w:rsidRPr="00474E4B">
              <w:t>i alte infrastructuri critice.</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lastRenderedPageBreak/>
        <w:t>&lt;Amend&gt;</w:t>
      </w:r>
      <w:r w:rsidRPr="00474E4B">
        <w:t>Amendamentul</w:t>
      </w:r>
      <w:r w:rsidRPr="00474E4B">
        <w:tab/>
      </w:r>
      <w:r w:rsidRPr="00474E4B">
        <w:tab/>
      </w:r>
      <w:r w:rsidRPr="00474E4B">
        <w:rPr>
          <w:rStyle w:val="HideTWBExt"/>
          <w:b w:val="0"/>
        </w:rPr>
        <w:t>&lt;NumAm&gt;</w:t>
      </w:r>
      <w:r w:rsidRPr="00474E4B">
        <w:t>10</w:t>
      </w:r>
      <w:r w:rsidRPr="00474E4B">
        <w:rPr>
          <w:rStyle w:val="HideTWBExt"/>
          <w:b w:val="0"/>
        </w:rPr>
        <w:t>&lt;/NumAm&gt;</w:t>
      </w:r>
    </w:p>
    <w:p w:rsidR="00CC45A9" w:rsidRPr="00474E4B" w:rsidRDefault="00CC45A9" w:rsidP="00CC45A9">
      <w:pPr>
        <w:pStyle w:val="NormalBold12b"/>
        <w:keepNext/>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Considerentul 13 a (nou)</w:t>
      </w:r>
      <w:r w:rsidRPr="00474E4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tcPr>
          <w:p w:rsidR="00CC45A9" w:rsidRPr="00474E4B" w:rsidRDefault="00CC45A9" w:rsidP="001D1851">
            <w:pPr>
              <w:pStyle w:val="ColumnHeading"/>
              <w:keepNext/>
              <w:rPr>
                <w:noProof/>
              </w:rPr>
            </w:pPr>
            <w:r w:rsidRPr="00474E4B">
              <w:t>Textul propus de Comisie</w:t>
            </w:r>
          </w:p>
        </w:tc>
        <w:tc>
          <w:tcPr>
            <w:tcW w:w="4876" w:type="dxa"/>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tcPr>
          <w:p w:rsidR="00CC45A9" w:rsidRPr="00474E4B" w:rsidRDefault="00CC45A9" w:rsidP="001D1851">
            <w:pPr>
              <w:pStyle w:val="Normal6"/>
              <w:rPr>
                <w:noProof/>
                <w:szCs w:val="24"/>
              </w:rPr>
            </w:pPr>
            <w:r w:rsidRPr="00474E4B">
              <w:rPr>
                <w:b/>
                <w:i/>
              </w:rPr>
              <w:t>(13a)</w:t>
            </w:r>
            <w:r w:rsidRPr="00474E4B">
              <w:rPr>
                <w:b/>
                <w:i/>
              </w:rPr>
              <w:tab/>
              <w:t xml:space="preserve">Infrastructura de transport </w:t>
            </w:r>
            <w:r w:rsidR="00474E4B" w:rsidRPr="00474E4B">
              <w:rPr>
                <w:b/>
                <w:i/>
              </w:rPr>
              <w:t>ș</w:t>
            </w:r>
            <w:r w:rsidRPr="00474E4B">
              <w:rPr>
                <w:b/>
                <w:i/>
              </w:rPr>
              <w:t>i proiectele de mobilitate se confruntă adesea cu dificultă</w:t>
            </w:r>
            <w:r w:rsidR="00474E4B" w:rsidRPr="00474E4B">
              <w:rPr>
                <w:b/>
                <w:i/>
              </w:rPr>
              <w:t>ț</w:t>
            </w:r>
            <w:r w:rsidRPr="00474E4B">
              <w:rPr>
                <w:b/>
                <w:i/>
              </w:rPr>
              <w:t>i în ceea ce prive</w:t>
            </w:r>
            <w:r w:rsidR="00474E4B" w:rsidRPr="00474E4B">
              <w:rPr>
                <w:b/>
                <w:i/>
              </w:rPr>
              <w:t>ș</w:t>
            </w:r>
            <w:r w:rsidRPr="00474E4B">
              <w:rPr>
                <w:b/>
                <w:i/>
              </w:rPr>
              <w:t>te finan</w:t>
            </w:r>
            <w:r w:rsidR="00474E4B" w:rsidRPr="00474E4B">
              <w:rPr>
                <w:b/>
                <w:i/>
              </w:rPr>
              <w:t>ț</w:t>
            </w:r>
            <w:r w:rsidRPr="00474E4B">
              <w:rPr>
                <w:b/>
                <w:i/>
              </w:rPr>
              <w:t>area având în vedere ratele de rentabilitate mai reduse, termenul lung al investi</w:t>
            </w:r>
            <w:r w:rsidR="00474E4B" w:rsidRPr="00474E4B">
              <w:rPr>
                <w:b/>
                <w:i/>
              </w:rPr>
              <w:t>ț</w:t>
            </w:r>
            <w:r w:rsidRPr="00474E4B">
              <w:rPr>
                <w:b/>
                <w:i/>
              </w:rPr>
              <w:t xml:space="preserve">iilor </w:t>
            </w:r>
            <w:r w:rsidR="00474E4B" w:rsidRPr="00474E4B">
              <w:rPr>
                <w:b/>
                <w:i/>
              </w:rPr>
              <w:t>ș</w:t>
            </w:r>
            <w:r w:rsidRPr="00474E4B">
              <w:rPr>
                <w:b/>
                <w:i/>
              </w:rPr>
              <w:t xml:space="preserve">i nivelurile mai ridicate de risc </w:t>
            </w:r>
            <w:r w:rsidR="00474E4B" w:rsidRPr="00474E4B">
              <w:rPr>
                <w:b/>
                <w:i/>
              </w:rPr>
              <w:t>ș</w:t>
            </w:r>
            <w:r w:rsidRPr="00474E4B">
              <w:rPr>
                <w:b/>
                <w:i/>
              </w:rPr>
              <w:t>i de incertitudine. Pentru a ajunge la un echilibru sectorial al proiectelor finan</w:t>
            </w:r>
            <w:r w:rsidR="00474E4B" w:rsidRPr="00474E4B">
              <w:rPr>
                <w:b/>
                <w:i/>
              </w:rPr>
              <w:t>ț</w:t>
            </w:r>
            <w:r w:rsidRPr="00474E4B">
              <w:rPr>
                <w:b/>
                <w:i/>
              </w:rPr>
              <w:t xml:space="preserve">ate de InvestEU </w:t>
            </w:r>
            <w:r w:rsidR="00474E4B" w:rsidRPr="00474E4B">
              <w:rPr>
                <w:b/>
                <w:i/>
              </w:rPr>
              <w:t>ș</w:t>
            </w:r>
            <w:r w:rsidRPr="00474E4B">
              <w:rPr>
                <w:b/>
                <w:i/>
              </w:rPr>
              <w:t>i pentru a aborda problema investi</w:t>
            </w:r>
            <w:r w:rsidR="00474E4B" w:rsidRPr="00474E4B">
              <w:rPr>
                <w:b/>
                <w:i/>
              </w:rPr>
              <w:t>ț</w:t>
            </w:r>
            <w:r w:rsidRPr="00474E4B">
              <w:rPr>
                <w:b/>
                <w:i/>
              </w:rPr>
              <w:t>iilor suboptime în infrastructura transporturilor din Uniune, platforma de consiliere InvestEU, împreună cu Comisia, ar trebui să adopte măsuri specifice pentru a facilita combinarea sprijinului din partea InvestEU cu granturile sau alte finan</w:t>
            </w:r>
            <w:r w:rsidR="00474E4B" w:rsidRPr="00474E4B">
              <w:rPr>
                <w:b/>
                <w:i/>
              </w:rPr>
              <w:t>ț</w:t>
            </w:r>
            <w:r w:rsidRPr="00474E4B">
              <w:rPr>
                <w:b/>
                <w:i/>
              </w:rPr>
              <w:t>ări publice disponibile din partea Uniunii sau de la bugetele na</w:t>
            </w:r>
            <w:r w:rsidR="00474E4B" w:rsidRPr="00474E4B">
              <w:rPr>
                <w:b/>
                <w:i/>
              </w:rPr>
              <w:t>ț</w:t>
            </w:r>
            <w:r w:rsidRPr="00474E4B">
              <w:rPr>
                <w:b/>
                <w:i/>
              </w:rPr>
              <w:t xml:space="preserve">ionale într-o manieră simplificată </w:t>
            </w:r>
            <w:r w:rsidR="00474E4B" w:rsidRPr="00474E4B">
              <w:rPr>
                <w:b/>
                <w:i/>
              </w:rPr>
              <w:t>ș</w:t>
            </w:r>
            <w:r w:rsidRPr="00474E4B">
              <w:rPr>
                <w:b/>
                <w:i/>
              </w:rPr>
              <w:t>i mai pu</w:t>
            </w:r>
            <w:r w:rsidR="00474E4B" w:rsidRPr="00474E4B">
              <w:rPr>
                <w:b/>
                <w:i/>
              </w:rPr>
              <w:t>ț</w:t>
            </w:r>
            <w:r w:rsidRPr="00474E4B">
              <w:rPr>
                <w:b/>
                <w:i/>
              </w:rPr>
              <w:t>in birocratică.</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11</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Considerentul 13 b (nou)</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tcPr>
          <w:p w:rsidR="00CC45A9" w:rsidRPr="00474E4B" w:rsidRDefault="00CC45A9" w:rsidP="001D1851">
            <w:pPr>
              <w:pStyle w:val="Normal6"/>
              <w:rPr>
                <w:noProof/>
              </w:rPr>
            </w:pPr>
            <w:r w:rsidRPr="00474E4B">
              <w:rPr>
                <w:b/>
                <w:i/>
              </w:rPr>
              <w:t>(13b)</w:t>
            </w:r>
            <w:r w:rsidRPr="00474E4B">
              <w:tab/>
            </w:r>
            <w:r w:rsidRPr="00474E4B">
              <w:rPr>
                <w:b/>
                <w:i/>
              </w:rPr>
              <w:t>întrucât siguran</w:t>
            </w:r>
            <w:r w:rsidR="00474E4B" w:rsidRPr="00474E4B">
              <w:rPr>
                <w:b/>
                <w:i/>
              </w:rPr>
              <w:t>ț</w:t>
            </w:r>
            <w:r w:rsidRPr="00474E4B">
              <w:rPr>
                <w:b/>
                <w:i/>
              </w:rPr>
              <w:t>a participan</w:t>
            </w:r>
            <w:r w:rsidR="00474E4B" w:rsidRPr="00474E4B">
              <w:rPr>
                <w:b/>
                <w:i/>
              </w:rPr>
              <w:t>ț</w:t>
            </w:r>
            <w:r w:rsidRPr="00474E4B">
              <w:rPr>
                <w:b/>
                <w:i/>
              </w:rPr>
              <w:t>ilor la trafic reprezintă o provocare uria</w:t>
            </w:r>
            <w:r w:rsidR="00474E4B" w:rsidRPr="00474E4B">
              <w:rPr>
                <w:b/>
                <w:i/>
              </w:rPr>
              <w:t>ș</w:t>
            </w:r>
            <w:r w:rsidRPr="00474E4B">
              <w:rPr>
                <w:b/>
                <w:i/>
              </w:rPr>
              <w:t xml:space="preserve">ă pentru dezvoltarea sectorului transporturilor, </w:t>
            </w:r>
            <w:r w:rsidR="00474E4B" w:rsidRPr="00474E4B">
              <w:rPr>
                <w:b/>
                <w:i/>
              </w:rPr>
              <w:t>ș</w:t>
            </w:r>
            <w:r w:rsidRPr="00474E4B">
              <w:rPr>
                <w:b/>
                <w:i/>
              </w:rPr>
              <w:t>i întrucât ac</w:t>
            </w:r>
            <w:r w:rsidR="00474E4B" w:rsidRPr="00474E4B">
              <w:rPr>
                <w:b/>
                <w:i/>
              </w:rPr>
              <w:t>ț</w:t>
            </w:r>
            <w:r w:rsidRPr="00474E4B">
              <w:rPr>
                <w:b/>
                <w:i/>
              </w:rPr>
              <w:t xml:space="preserve">iunile întreprinse </w:t>
            </w:r>
            <w:r w:rsidR="00474E4B" w:rsidRPr="00474E4B">
              <w:rPr>
                <w:b/>
                <w:i/>
              </w:rPr>
              <w:t>ș</w:t>
            </w:r>
            <w:r w:rsidRPr="00474E4B">
              <w:rPr>
                <w:b/>
                <w:i/>
              </w:rPr>
              <w:t>i investi</w:t>
            </w:r>
            <w:r w:rsidR="00474E4B" w:rsidRPr="00474E4B">
              <w:rPr>
                <w:b/>
                <w:i/>
              </w:rPr>
              <w:t>ț</w:t>
            </w:r>
            <w:r w:rsidRPr="00474E4B">
              <w:rPr>
                <w:b/>
                <w:i/>
              </w:rPr>
              <w:t xml:space="preserve">iile realizate contribuie doar în măsură limitată la reducerea numărului de decese sau de vătămări grave în trafic; întrucât programul InvestEU ar trebui să contribuie la stimularea eforturilor de elaborare </w:t>
            </w:r>
            <w:r w:rsidR="00474E4B" w:rsidRPr="00474E4B">
              <w:rPr>
                <w:b/>
                <w:i/>
              </w:rPr>
              <w:t>ș</w:t>
            </w:r>
            <w:r w:rsidRPr="00474E4B">
              <w:rPr>
                <w:b/>
                <w:i/>
              </w:rPr>
              <w:t>i aplicare a tehnologiilor care contribuie la îmbunătă</w:t>
            </w:r>
            <w:r w:rsidR="00474E4B" w:rsidRPr="00474E4B">
              <w:rPr>
                <w:b/>
                <w:i/>
              </w:rPr>
              <w:t>ț</w:t>
            </w:r>
            <w:r w:rsidRPr="00474E4B">
              <w:rPr>
                <w:b/>
                <w:i/>
              </w:rPr>
              <w:t>irea siguran</w:t>
            </w:r>
            <w:r w:rsidR="00474E4B" w:rsidRPr="00474E4B">
              <w:rPr>
                <w:b/>
                <w:i/>
              </w:rPr>
              <w:t>ț</w:t>
            </w:r>
            <w:r w:rsidRPr="00474E4B">
              <w:rPr>
                <w:b/>
                <w:i/>
              </w:rPr>
              <w:t xml:space="preserve">ei vehiculelor </w:t>
            </w:r>
            <w:r w:rsidR="00474E4B" w:rsidRPr="00474E4B">
              <w:rPr>
                <w:b/>
                <w:i/>
              </w:rPr>
              <w:t>ș</w:t>
            </w:r>
            <w:r w:rsidRPr="00474E4B">
              <w:rPr>
                <w:b/>
                <w:i/>
              </w:rPr>
              <w:t>i a infrastructurii rutiere;</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lastRenderedPageBreak/>
        <w:t>&lt;Amend&gt;</w:t>
      </w:r>
      <w:r w:rsidRPr="00474E4B">
        <w:t>Amendamentul</w:t>
      </w:r>
      <w:r w:rsidRPr="00474E4B">
        <w:tab/>
      </w:r>
      <w:r w:rsidRPr="00474E4B">
        <w:tab/>
      </w:r>
      <w:r w:rsidRPr="00474E4B">
        <w:rPr>
          <w:rStyle w:val="HideTWBExt"/>
        </w:rPr>
        <w:t>&lt;NumAm&gt;</w:t>
      </w:r>
      <w:r w:rsidRPr="00474E4B">
        <w:t>12</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Considerentul 13 c (nou)</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tcPr>
          <w:p w:rsidR="00CC45A9" w:rsidRPr="00474E4B" w:rsidRDefault="00CC45A9" w:rsidP="001D1851">
            <w:pPr>
              <w:pStyle w:val="Normal6"/>
              <w:rPr>
                <w:noProof/>
              </w:rPr>
            </w:pPr>
            <w:r w:rsidRPr="00474E4B">
              <w:rPr>
                <w:b/>
                <w:i/>
              </w:rPr>
              <w:t>(13c)</w:t>
            </w:r>
            <w:r w:rsidRPr="00474E4B">
              <w:tab/>
            </w:r>
            <w:r w:rsidRPr="00474E4B">
              <w:rPr>
                <w:b/>
                <w:i/>
              </w:rPr>
              <w:t>întrucât un transport multimodal veritabil este o oportunitate de a crea o re</w:t>
            </w:r>
            <w:r w:rsidR="00474E4B" w:rsidRPr="00474E4B">
              <w:rPr>
                <w:b/>
                <w:i/>
              </w:rPr>
              <w:t>ț</w:t>
            </w:r>
            <w:r w:rsidRPr="00474E4B">
              <w:rPr>
                <w:b/>
                <w:i/>
              </w:rPr>
              <w:t xml:space="preserve">ea de transport eficientă </w:t>
            </w:r>
            <w:r w:rsidR="00474E4B" w:rsidRPr="00474E4B">
              <w:rPr>
                <w:b/>
                <w:i/>
              </w:rPr>
              <w:t>ș</w:t>
            </w:r>
            <w:r w:rsidRPr="00474E4B">
              <w:rPr>
                <w:b/>
                <w:i/>
              </w:rPr>
              <w:t>i ecologică care să utilizeze poten</w:t>
            </w:r>
            <w:r w:rsidR="00474E4B" w:rsidRPr="00474E4B">
              <w:rPr>
                <w:b/>
                <w:i/>
              </w:rPr>
              <w:t>ț</w:t>
            </w:r>
            <w:r w:rsidRPr="00474E4B">
              <w:rPr>
                <w:b/>
                <w:i/>
              </w:rPr>
              <w:t xml:space="preserve">ialul maxim al tuturor mijloacelor de transport </w:t>
            </w:r>
            <w:r w:rsidR="00474E4B" w:rsidRPr="00474E4B">
              <w:rPr>
                <w:b/>
                <w:i/>
              </w:rPr>
              <w:t>ș</w:t>
            </w:r>
            <w:r w:rsidRPr="00474E4B">
              <w:rPr>
                <w:b/>
                <w:i/>
              </w:rPr>
              <w:t>i să genereze sinergii între acestea;</w:t>
            </w:r>
            <w:r w:rsidRPr="00474E4B">
              <w:t xml:space="preserve"> </w:t>
            </w:r>
            <w:r w:rsidRPr="00474E4B">
              <w:rPr>
                <w:b/>
                <w:i/>
              </w:rPr>
              <w:t>întrucât programul InvestEU ar putea deveni un instrument important pentru sprijinirea investi</w:t>
            </w:r>
            <w:r w:rsidR="00474E4B" w:rsidRPr="00474E4B">
              <w:rPr>
                <w:b/>
                <w:i/>
              </w:rPr>
              <w:t>ț</w:t>
            </w:r>
            <w:r w:rsidRPr="00474E4B">
              <w:rPr>
                <w:b/>
                <w:i/>
              </w:rPr>
              <w:t>iilor în nodurile de transport multimodal, care - în pofida poten</w:t>
            </w:r>
            <w:r w:rsidR="00474E4B" w:rsidRPr="00474E4B">
              <w:rPr>
                <w:b/>
                <w:i/>
              </w:rPr>
              <w:t>ț</w:t>
            </w:r>
            <w:r w:rsidRPr="00474E4B">
              <w:rPr>
                <w:b/>
                <w:i/>
              </w:rPr>
              <w:t xml:space="preserve">ialului lor economic semnificativ </w:t>
            </w:r>
            <w:r w:rsidR="00474E4B" w:rsidRPr="00474E4B">
              <w:rPr>
                <w:b/>
                <w:i/>
              </w:rPr>
              <w:t>ș</w:t>
            </w:r>
            <w:r w:rsidRPr="00474E4B">
              <w:rPr>
                <w:b/>
                <w:i/>
              </w:rPr>
              <w:t>i a interesului lor comercial - prezintă un risc semnificativ pentru investitorii priva</w:t>
            </w:r>
            <w:r w:rsidR="00474E4B" w:rsidRPr="00474E4B">
              <w:rPr>
                <w:b/>
                <w:i/>
              </w:rPr>
              <w:t>ț</w:t>
            </w:r>
            <w:r w:rsidRPr="00474E4B">
              <w:rPr>
                <w:b/>
                <w:i/>
              </w:rPr>
              <w:t>i;</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13</w:t>
      </w:r>
      <w:r w:rsidRPr="00474E4B">
        <w:rPr>
          <w:rStyle w:val="HideTWBExt"/>
          <w:b w:val="0"/>
        </w:rPr>
        <w:t>&lt;/NumAm&gt;</w:t>
      </w:r>
    </w:p>
    <w:p w:rsidR="00CC45A9" w:rsidRPr="00474E4B" w:rsidRDefault="00CC45A9" w:rsidP="00CC45A9">
      <w:pPr>
        <w:pStyle w:val="NormalBold12b"/>
        <w:keepNext/>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Considerentul 13 d (nou)</w:t>
      </w:r>
      <w:r w:rsidRPr="00474E4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tcPr>
          <w:p w:rsidR="00CC45A9" w:rsidRPr="00474E4B" w:rsidRDefault="00CC45A9" w:rsidP="001D1851">
            <w:pPr>
              <w:pStyle w:val="ColumnHeading"/>
              <w:keepNext/>
              <w:rPr>
                <w:noProof/>
              </w:rPr>
            </w:pPr>
            <w:r w:rsidRPr="00474E4B">
              <w:t>Textul propus de Comisie</w:t>
            </w:r>
          </w:p>
        </w:tc>
        <w:tc>
          <w:tcPr>
            <w:tcW w:w="4876" w:type="dxa"/>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tcPr>
          <w:p w:rsidR="00CC45A9" w:rsidRPr="00474E4B" w:rsidRDefault="00CC45A9" w:rsidP="001D1851">
            <w:pPr>
              <w:pStyle w:val="Normal6"/>
              <w:rPr>
                <w:noProof/>
                <w:szCs w:val="24"/>
              </w:rPr>
            </w:pPr>
            <w:r w:rsidRPr="00474E4B">
              <w:rPr>
                <w:b/>
                <w:i/>
              </w:rPr>
              <w:t>(13d)</w:t>
            </w:r>
            <w:r w:rsidRPr="00474E4B">
              <w:rPr>
                <w:b/>
                <w:i/>
              </w:rPr>
              <w:tab/>
              <w:t xml:space="preserve">Întrucât se preconizează că mobilitatea conectată </w:t>
            </w:r>
            <w:r w:rsidR="00474E4B" w:rsidRPr="00474E4B">
              <w:rPr>
                <w:b/>
                <w:i/>
              </w:rPr>
              <w:t>ș</w:t>
            </w:r>
            <w:r w:rsidRPr="00474E4B">
              <w:rPr>
                <w:b/>
                <w:i/>
              </w:rPr>
              <w:t xml:space="preserve">i automatizată va transforma sistemele de transport la nivel mondial </w:t>
            </w:r>
            <w:r w:rsidR="00474E4B" w:rsidRPr="00474E4B">
              <w:rPr>
                <w:b/>
                <w:i/>
              </w:rPr>
              <w:t>ș</w:t>
            </w:r>
            <w:r w:rsidRPr="00474E4B">
              <w:rPr>
                <w:b/>
                <w:i/>
              </w:rPr>
              <w:t>i întrucât UE ar trebui să joace rolul de lider la nivel mondial în implementarea unor sisteme sigure pentru mobilitatea automatizată, sporind siguran</w:t>
            </w:r>
            <w:r w:rsidR="00474E4B" w:rsidRPr="00474E4B">
              <w:rPr>
                <w:b/>
                <w:i/>
              </w:rPr>
              <w:t>ț</w:t>
            </w:r>
            <w:r w:rsidRPr="00474E4B">
              <w:rPr>
                <w:b/>
                <w:i/>
              </w:rPr>
              <w:t xml:space="preserve">a rutieră </w:t>
            </w:r>
            <w:r w:rsidR="00474E4B" w:rsidRPr="00474E4B">
              <w:rPr>
                <w:b/>
                <w:i/>
              </w:rPr>
              <w:t>ș</w:t>
            </w:r>
            <w:r w:rsidRPr="00474E4B">
              <w:rPr>
                <w:b/>
                <w:i/>
              </w:rPr>
              <w:t>i sustenabilitatea, InvestEU ar trebui să contribuie la consolidarea competitivită</w:t>
            </w:r>
            <w:r w:rsidR="00474E4B" w:rsidRPr="00474E4B">
              <w:rPr>
                <w:b/>
                <w:i/>
              </w:rPr>
              <w:t>ț</w:t>
            </w:r>
            <w:r w:rsidRPr="00474E4B">
              <w:rPr>
                <w:b/>
                <w:i/>
              </w:rPr>
              <w:t>ii Uniunii în acest domeniu prin sprijinirea investi</w:t>
            </w:r>
            <w:r w:rsidR="00474E4B" w:rsidRPr="00474E4B">
              <w:rPr>
                <w:b/>
                <w:i/>
              </w:rPr>
              <w:t>ț</w:t>
            </w:r>
            <w:r w:rsidRPr="00474E4B">
              <w:rPr>
                <w:b/>
                <w:i/>
              </w:rPr>
              <w:t xml:space="preserve">iilor pentru dezvoltarea </w:t>
            </w:r>
            <w:r w:rsidR="00474E4B" w:rsidRPr="00474E4B">
              <w:rPr>
                <w:b/>
                <w:i/>
              </w:rPr>
              <w:t>ș</w:t>
            </w:r>
            <w:r w:rsidRPr="00474E4B">
              <w:rPr>
                <w:b/>
                <w:i/>
              </w:rPr>
              <w:t>i implementarea unor solu</w:t>
            </w:r>
            <w:r w:rsidR="00474E4B" w:rsidRPr="00474E4B">
              <w:rPr>
                <w:b/>
                <w:i/>
              </w:rPr>
              <w:t>ț</w:t>
            </w:r>
            <w:r w:rsidRPr="00474E4B">
              <w:rPr>
                <w:b/>
                <w:i/>
              </w:rPr>
              <w:t xml:space="preserve">ii de mobilitate automatizată pentru vehicule </w:t>
            </w:r>
            <w:r w:rsidR="00474E4B" w:rsidRPr="00474E4B">
              <w:rPr>
                <w:b/>
                <w:i/>
              </w:rPr>
              <w:t>ș</w:t>
            </w:r>
            <w:r w:rsidRPr="00474E4B">
              <w:rPr>
                <w:b/>
                <w:i/>
              </w:rPr>
              <w:t xml:space="preserve">i infrastructuri </w:t>
            </w:r>
            <w:r w:rsidR="00474E4B" w:rsidRPr="00474E4B">
              <w:rPr>
                <w:b/>
                <w:i/>
              </w:rPr>
              <w:t>ș</w:t>
            </w:r>
            <w:r w:rsidRPr="00474E4B">
              <w:rPr>
                <w:b/>
                <w:i/>
              </w:rPr>
              <w:t>i pentru tehnologiile digitale aferente.</w:t>
            </w:r>
          </w:p>
        </w:tc>
      </w:tr>
    </w:tbl>
    <w:p w:rsidR="00CC45A9" w:rsidRPr="00474E4B" w:rsidRDefault="00CC45A9" w:rsidP="00CC45A9">
      <w:pPr>
        <w:pStyle w:val="JustificationTitle"/>
        <w:rPr>
          <w:noProof/>
        </w:rPr>
      </w:pPr>
      <w:r w:rsidRPr="00474E4B">
        <w:rPr>
          <w:rStyle w:val="HideTWBExt"/>
          <w:i w:val="0"/>
        </w:rPr>
        <w:t>&lt;TitreJust&gt;</w:t>
      </w:r>
      <w:r w:rsidRPr="00474E4B">
        <w:t>Justificare</w:t>
      </w:r>
      <w:r w:rsidRPr="00474E4B">
        <w:rPr>
          <w:rStyle w:val="HideTWBExt"/>
          <w:i w:val="0"/>
        </w:rPr>
        <w:t>&lt;/TitreJust&gt;</w:t>
      </w:r>
    </w:p>
    <w:p w:rsidR="00CC45A9" w:rsidRPr="00474E4B" w:rsidRDefault="00CC45A9" w:rsidP="00CC45A9">
      <w:pPr>
        <w:pStyle w:val="Normal12Italic"/>
        <w:rPr>
          <w:noProof/>
        </w:rPr>
      </w:pPr>
      <w:r w:rsidRPr="00474E4B">
        <w:t xml:space="preserve">Mobilitatea conectată </w:t>
      </w:r>
      <w:r w:rsidR="00474E4B" w:rsidRPr="00474E4B">
        <w:t>ș</w:t>
      </w:r>
      <w:r w:rsidRPr="00474E4B">
        <w:t xml:space="preserve">i automatizată este intens dezvoltată la nivel mondial. UE trebuie să fie un lider mondial în acest domeniu pentru a asigura competitivitatea industriei sale, după </w:t>
      </w:r>
      <w:r w:rsidRPr="00474E4B">
        <w:lastRenderedPageBreak/>
        <w:t xml:space="preserve">cum se subliniază în Comunicarea Comisiei intitulată „Către mobilitatea automatizată: o strategie a UE pentru mobilitatea viitorului”. Prin urmare, InvestEU ar trebui să sprijine inovarea </w:t>
      </w:r>
      <w:r w:rsidR="00474E4B" w:rsidRPr="00474E4B">
        <w:t>ș</w:t>
      </w:r>
      <w:r w:rsidRPr="00474E4B">
        <w:t>i punerea în aplicare a unor solu</w:t>
      </w:r>
      <w:r w:rsidR="00474E4B" w:rsidRPr="00474E4B">
        <w:t>ț</w:t>
      </w:r>
      <w:r w:rsidRPr="00474E4B">
        <w:t xml:space="preserve">ii de mobilitate automatizată </w:t>
      </w:r>
      <w:r w:rsidR="00474E4B" w:rsidRPr="00474E4B">
        <w:t>ș</w:t>
      </w:r>
      <w:r w:rsidRPr="00474E4B">
        <w:t xml:space="preserve">i a tehnologiilor digitale subiacente în domeniile infrastructurii, vehiculelor, TIC, roboticii </w:t>
      </w:r>
      <w:r w:rsidR="00474E4B" w:rsidRPr="00474E4B">
        <w:t>ș</w:t>
      </w:r>
      <w:r w:rsidRPr="00474E4B">
        <w:t>i inteligen</w:t>
      </w:r>
      <w:r w:rsidR="00474E4B" w:rsidRPr="00474E4B">
        <w:t>ț</w:t>
      </w:r>
      <w:r w:rsidRPr="00474E4B">
        <w:t>ei artificiale.</w:t>
      </w:r>
    </w:p>
    <w:p w:rsidR="00CC45A9" w:rsidRPr="00474E4B" w:rsidRDefault="00CC45A9" w:rsidP="00CC45A9">
      <w:pPr>
        <w:rPr>
          <w:noProof/>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14</w:t>
      </w:r>
      <w:r w:rsidRPr="00474E4B">
        <w:rPr>
          <w:rStyle w:val="HideTWBExt"/>
          <w:b w:val="0"/>
        </w:rPr>
        <w:t>&lt;/NumAm&gt;</w:t>
      </w:r>
    </w:p>
    <w:p w:rsidR="00CC45A9" w:rsidRPr="00474E4B" w:rsidRDefault="00CC45A9" w:rsidP="00CC45A9">
      <w:pPr>
        <w:pStyle w:val="NormalBold12b"/>
        <w:keepNext/>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Considerentul 14 a (nou)</w:t>
      </w:r>
      <w:r w:rsidRPr="00474E4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tcPr>
          <w:p w:rsidR="00CC45A9" w:rsidRPr="00474E4B" w:rsidRDefault="00CC45A9" w:rsidP="001D1851">
            <w:pPr>
              <w:pStyle w:val="ColumnHeading"/>
              <w:keepNext/>
              <w:rPr>
                <w:noProof/>
              </w:rPr>
            </w:pPr>
            <w:r w:rsidRPr="00474E4B">
              <w:t>Textul propus de Comisie</w:t>
            </w:r>
          </w:p>
        </w:tc>
        <w:tc>
          <w:tcPr>
            <w:tcW w:w="4876" w:type="dxa"/>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tcPr>
          <w:p w:rsidR="00CC45A9" w:rsidRPr="00474E4B" w:rsidRDefault="00CC45A9" w:rsidP="001D1851">
            <w:pPr>
              <w:pStyle w:val="Normal6"/>
              <w:rPr>
                <w:noProof/>
                <w:szCs w:val="24"/>
              </w:rPr>
            </w:pPr>
            <w:r w:rsidRPr="00474E4B">
              <w:rPr>
                <w:b/>
                <w:i/>
              </w:rPr>
              <w:t>(14a)</w:t>
            </w:r>
            <w:r w:rsidRPr="00474E4B">
              <w:rPr>
                <w:b/>
                <w:i/>
              </w:rPr>
              <w:tab/>
              <w:t>Întrucât turismul este un sector important în cadrul economiei Uniunii, InvestEU ar trebui să contribuie la consolidarea competitivită</w:t>
            </w:r>
            <w:r w:rsidR="00474E4B" w:rsidRPr="00474E4B">
              <w:rPr>
                <w:b/>
                <w:i/>
              </w:rPr>
              <w:t>ț</w:t>
            </w:r>
            <w:r w:rsidRPr="00474E4B">
              <w:rPr>
                <w:b/>
                <w:i/>
              </w:rPr>
              <w:t>ii pe termen lung a acestuia prin sprijinirea ac</w:t>
            </w:r>
            <w:r w:rsidR="00474E4B" w:rsidRPr="00474E4B">
              <w:rPr>
                <w:b/>
                <w:i/>
              </w:rPr>
              <w:t>ț</w:t>
            </w:r>
            <w:r w:rsidRPr="00474E4B">
              <w:rPr>
                <w:b/>
                <w:i/>
              </w:rPr>
              <w:t xml:space="preserve">iunilor care vizează orientarea către un turism durabil, inovator </w:t>
            </w:r>
            <w:r w:rsidR="00474E4B" w:rsidRPr="00474E4B">
              <w:rPr>
                <w:b/>
                <w:i/>
              </w:rPr>
              <w:t>ș</w:t>
            </w:r>
            <w:r w:rsidRPr="00474E4B">
              <w:rPr>
                <w:b/>
                <w:i/>
              </w:rPr>
              <w:t>i digital.</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15</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Considerentul 15 a (nou)</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tcPr>
          <w:p w:rsidR="00CC45A9" w:rsidRPr="00474E4B" w:rsidRDefault="00CC45A9" w:rsidP="001D1851">
            <w:pPr>
              <w:pStyle w:val="Normal6"/>
              <w:rPr>
                <w:noProof/>
              </w:rPr>
            </w:pPr>
            <w:r w:rsidRPr="00474E4B">
              <w:rPr>
                <w:b/>
                <w:i/>
              </w:rPr>
              <w:t>(15a)</w:t>
            </w:r>
            <w:r w:rsidRPr="00474E4B">
              <w:tab/>
            </w:r>
            <w:r w:rsidRPr="00474E4B">
              <w:rPr>
                <w:b/>
                <w:i/>
              </w:rPr>
              <w:t xml:space="preserve">Întrucât digitalizarea vizează </w:t>
            </w:r>
            <w:r w:rsidR="00474E4B" w:rsidRPr="00474E4B">
              <w:rPr>
                <w:b/>
                <w:i/>
              </w:rPr>
              <w:t>ș</w:t>
            </w:r>
            <w:r w:rsidRPr="00474E4B">
              <w:rPr>
                <w:b/>
                <w:i/>
              </w:rPr>
              <w:t>i sectorul turismului, acest sector ar trebui, de asemenea, să beneficieze de ac</w:t>
            </w:r>
            <w:r w:rsidR="00474E4B" w:rsidRPr="00474E4B">
              <w:rPr>
                <w:b/>
                <w:i/>
              </w:rPr>
              <w:t>ț</w:t>
            </w:r>
            <w:r w:rsidRPr="00474E4B">
              <w:rPr>
                <w:b/>
                <w:i/>
              </w:rPr>
              <w:t>iuni specifice finan</w:t>
            </w:r>
            <w:r w:rsidR="00474E4B" w:rsidRPr="00474E4B">
              <w:rPr>
                <w:b/>
                <w:i/>
              </w:rPr>
              <w:t>ț</w:t>
            </w:r>
            <w:r w:rsidRPr="00474E4B">
              <w:rPr>
                <w:b/>
                <w:i/>
              </w:rPr>
              <w:t>ate prin InvestEU.</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16</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Considerentul 16</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16)</w:t>
            </w:r>
            <w:r w:rsidRPr="00474E4B">
              <w:tab/>
              <w:t xml:space="preserve">Întreprinderile mici </w:t>
            </w:r>
            <w:r w:rsidR="00474E4B" w:rsidRPr="00474E4B">
              <w:t>ș</w:t>
            </w:r>
            <w:r w:rsidRPr="00474E4B">
              <w:t>i mijlocii (IMM-urile) au un rol crucial în Uniune. Cu toate acestea, IMM-urile se confruntă cu provocări în accesarea finan</w:t>
            </w:r>
            <w:r w:rsidR="00474E4B" w:rsidRPr="00474E4B">
              <w:t>ț</w:t>
            </w:r>
            <w:r w:rsidRPr="00474E4B">
              <w:t>ării, din cauza faptului că se consideră că implică un risc ridicat</w:t>
            </w:r>
            <w:r w:rsidRPr="00474E4B">
              <w:rPr>
                <w:b/>
                <w:i/>
              </w:rPr>
              <w:t xml:space="preserve"> </w:t>
            </w:r>
            <w:r w:rsidR="00474E4B" w:rsidRPr="00474E4B">
              <w:rPr>
                <w:b/>
                <w:i/>
              </w:rPr>
              <w:t>ș</w:t>
            </w:r>
            <w:r w:rsidRPr="00474E4B">
              <w:rPr>
                <w:b/>
                <w:i/>
              </w:rPr>
              <w:t>i</w:t>
            </w:r>
            <w:r w:rsidRPr="00474E4B">
              <w:t xml:space="preserve"> a lipsei de garan</w:t>
            </w:r>
            <w:r w:rsidR="00474E4B" w:rsidRPr="00474E4B">
              <w:t>ț</w:t>
            </w:r>
            <w:r w:rsidRPr="00474E4B">
              <w:t xml:space="preserve">ii reale </w:t>
            </w:r>
            <w:r w:rsidRPr="00474E4B">
              <w:lastRenderedPageBreak/>
              <w:t>suficiente a acestora</w:t>
            </w:r>
            <w:r w:rsidRPr="00474E4B">
              <w:rPr>
                <w:b/>
                <w:i/>
              </w:rPr>
              <w:t>.</w:t>
            </w:r>
            <w:r w:rsidR="00474E4B" w:rsidRPr="00474E4B">
              <w:rPr>
                <w:b/>
                <w:i/>
              </w:rPr>
              <w:t xml:space="preserve"> </w:t>
            </w:r>
            <w:r w:rsidRPr="00474E4B">
              <w:t>Provocări suplimentare apar din faptul că IMM-urile trebuie să rămână competitive implicându-se în activită</w:t>
            </w:r>
            <w:r w:rsidR="00474E4B" w:rsidRPr="00474E4B">
              <w:t>ț</w:t>
            </w:r>
            <w:r w:rsidRPr="00474E4B">
              <w:t>i de digitalizare, de interna</w:t>
            </w:r>
            <w:r w:rsidR="00474E4B" w:rsidRPr="00474E4B">
              <w:t>ț</w:t>
            </w:r>
            <w:r w:rsidRPr="00474E4B">
              <w:t xml:space="preserve">ionalizare, de inovare </w:t>
            </w:r>
            <w:r w:rsidR="00474E4B" w:rsidRPr="00474E4B">
              <w:t>ș</w:t>
            </w:r>
            <w:r w:rsidRPr="00474E4B">
              <w:t>i de perfec</w:t>
            </w:r>
            <w:r w:rsidR="00474E4B" w:rsidRPr="00474E4B">
              <w:t>ț</w:t>
            </w:r>
            <w:r w:rsidRPr="00474E4B">
              <w:t>ionare a for</w:t>
            </w:r>
            <w:r w:rsidR="00474E4B" w:rsidRPr="00474E4B">
              <w:t>ț</w:t>
            </w:r>
            <w:r w:rsidRPr="00474E4B">
              <w:t>ei lor de muncă. De asemenea, în compara</w:t>
            </w:r>
            <w:r w:rsidR="00474E4B" w:rsidRPr="00474E4B">
              <w:t>ț</w:t>
            </w:r>
            <w:r w:rsidRPr="00474E4B">
              <w:t>ie cu întreprinderile mari, IMM-urile au acces la un set mai limitat de surse de finan</w:t>
            </w:r>
            <w:r w:rsidR="00474E4B" w:rsidRPr="00474E4B">
              <w:t>ț</w:t>
            </w:r>
            <w:r w:rsidRPr="00474E4B">
              <w:t>are: acestea nu emit în mod obi</w:t>
            </w:r>
            <w:r w:rsidR="00474E4B" w:rsidRPr="00474E4B">
              <w:t>ș</w:t>
            </w:r>
            <w:r w:rsidRPr="00474E4B">
              <w:t>nuit obliga</w:t>
            </w:r>
            <w:r w:rsidR="00474E4B" w:rsidRPr="00474E4B">
              <w:t>ț</w:t>
            </w:r>
            <w:r w:rsidRPr="00474E4B">
              <w:t xml:space="preserve">iuni </w:t>
            </w:r>
            <w:r w:rsidR="00474E4B" w:rsidRPr="00474E4B">
              <w:t>ș</w:t>
            </w:r>
            <w:r w:rsidRPr="00474E4B">
              <w:t>i au numai un acces limitat la bursele de valori sau la investitorii institu</w:t>
            </w:r>
            <w:r w:rsidR="00474E4B" w:rsidRPr="00474E4B">
              <w:t>ț</w:t>
            </w:r>
            <w:r w:rsidRPr="00474E4B">
              <w:t>ionali mari. Dificultă</w:t>
            </w:r>
            <w:r w:rsidR="00474E4B" w:rsidRPr="00474E4B">
              <w:t>ț</w:t>
            </w:r>
            <w:r w:rsidRPr="00474E4B">
              <w:t>ile în a accesa finan</w:t>
            </w:r>
            <w:r w:rsidR="00474E4B" w:rsidRPr="00474E4B">
              <w:t>ț</w:t>
            </w:r>
            <w:r w:rsidRPr="00474E4B">
              <w:t>are sunt chiar mai mari pentru IMM-urile ale căror activită</w:t>
            </w:r>
            <w:r w:rsidR="00474E4B" w:rsidRPr="00474E4B">
              <w:t>ț</w:t>
            </w:r>
            <w:r w:rsidRPr="00474E4B">
              <w:t xml:space="preserve">i se axează pe activele necorporale. IMM-urile din Uniune se bazează foarte mult pe bănci </w:t>
            </w:r>
            <w:r w:rsidR="00474E4B" w:rsidRPr="00474E4B">
              <w:t>ș</w:t>
            </w:r>
            <w:r w:rsidRPr="00474E4B">
              <w:t>i finan</w:t>
            </w:r>
            <w:r w:rsidR="00474E4B" w:rsidRPr="00474E4B">
              <w:t>ț</w:t>
            </w:r>
            <w:r w:rsidRPr="00474E4B">
              <w:t>area prin îndatorare sub forma descoperirilor de cont, a împrumuturilor bancare sau a leasingului. Sprijinirea IMM-urilor care se confruntă cu provocările men</w:t>
            </w:r>
            <w:r w:rsidR="00474E4B" w:rsidRPr="00474E4B">
              <w:t>ț</w:t>
            </w:r>
            <w:r w:rsidRPr="00474E4B">
              <w:t xml:space="preserve">ionate anterior </w:t>
            </w:r>
            <w:r w:rsidR="00474E4B" w:rsidRPr="00474E4B">
              <w:t>ș</w:t>
            </w:r>
            <w:r w:rsidRPr="00474E4B">
              <w:t>i oferirea unor surse de finan</w:t>
            </w:r>
            <w:r w:rsidR="00474E4B" w:rsidRPr="00474E4B">
              <w:t>ț</w:t>
            </w:r>
            <w:r w:rsidRPr="00474E4B">
              <w:t>are mai diversificate sunt necesare pentru a cre</w:t>
            </w:r>
            <w:r w:rsidR="00474E4B" w:rsidRPr="00474E4B">
              <w:t>ș</w:t>
            </w:r>
            <w:r w:rsidRPr="00474E4B">
              <w:t>te capacitatea IMM-urilor de a-</w:t>
            </w:r>
            <w:r w:rsidR="00474E4B" w:rsidRPr="00474E4B">
              <w:t>ș</w:t>
            </w:r>
            <w:r w:rsidRPr="00474E4B">
              <w:t>i finan</w:t>
            </w:r>
            <w:r w:rsidR="00474E4B" w:rsidRPr="00474E4B">
              <w:t>ț</w:t>
            </w:r>
            <w:r w:rsidRPr="00474E4B">
              <w:t>a înfiin</w:t>
            </w:r>
            <w:r w:rsidR="00474E4B" w:rsidRPr="00474E4B">
              <w:t>ț</w:t>
            </w:r>
            <w:r w:rsidRPr="00474E4B">
              <w:t>area, cre</w:t>
            </w:r>
            <w:r w:rsidR="00474E4B" w:rsidRPr="00474E4B">
              <w:t>ș</w:t>
            </w:r>
            <w:r w:rsidRPr="00474E4B">
              <w:t xml:space="preserve">terea </w:t>
            </w:r>
            <w:r w:rsidR="00474E4B" w:rsidRPr="00474E4B">
              <w:t>ș</w:t>
            </w:r>
            <w:r w:rsidRPr="00474E4B">
              <w:t>i dezvoltarea, pentru a rezista încetinirii cre</w:t>
            </w:r>
            <w:r w:rsidR="00474E4B" w:rsidRPr="00474E4B">
              <w:t>ș</w:t>
            </w:r>
            <w:r w:rsidRPr="00474E4B">
              <w:t xml:space="preserve">terii economice </w:t>
            </w:r>
            <w:r w:rsidR="00474E4B" w:rsidRPr="00474E4B">
              <w:t>ș</w:t>
            </w:r>
            <w:r w:rsidRPr="00474E4B">
              <w:t xml:space="preserve">i pentru a transforma economia </w:t>
            </w:r>
            <w:r w:rsidR="00474E4B" w:rsidRPr="00474E4B">
              <w:t>ș</w:t>
            </w:r>
            <w:r w:rsidRPr="00474E4B">
              <w:t>i sistemul financiar într-unul mai rezilient în timpul încetinirii cre</w:t>
            </w:r>
            <w:r w:rsidR="00474E4B" w:rsidRPr="00474E4B">
              <w:t>ș</w:t>
            </w:r>
            <w:r w:rsidRPr="00474E4B">
              <w:t xml:space="preserve">terii economice sau al </w:t>
            </w:r>
            <w:r w:rsidR="00474E4B" w:rsidRPr="00474E4B">
              <w:t>ș</w:t>
            </w:r>
            <w:r w:rsidRPr="00474E4B">
              <w:t>ocurilor. Acest lucru este complementar, de asemenea, ini</w:t>
            </w:r>
            <w:r w:rsidR="00474E4B" w:rsidRPr="00474E4B">
              <w:t>ț</w:t>
            </w:r>
            <w:r w:rsidRPr="00474E4B">
              <w:t>iativelor întreprinse deja în contextul uniunii pie</w:t>
            </w:r>
            <w:r w:rsidR="00474E4B" w:rsidRPr="00474E4B">
              <w:t>ț</w:t>
            </w:r>
            <w:r w:rsidRPr="00474E4B">
              <w:t>elor de capital. Fondul InvestEU ar trebui să ofere posibilitatea de a viza produse financiare specifice, mai direc</w:t>
            </w:r>
            <w:r w:rsidR="00474E4B" w:rsidRPr="00474E4B">
              <w:t>ț</w:t>
            </w:r>
            <w:r w:rsidRPr="00474E4B">
              <w:t>ionate.</w:t>
            </w:r>
          </w:p>
        </w:tc>
        <w:tc>
          <w:tcPr>
            <w:tcW w:w="4876" w:type="dxa"/>
          </w:tcPr>
          <w:p w:rsidR="00CC45A9" w:rsidRPr="00474E4B" w:rsidRDefault="00CC45A9" w:rsidP="001D1851">
            <w:pPr>
              <w:pStyle w:val="Normal6"/>
              <w:rPr>
                <w:noProof/>
              </w:rPr>
            </w:pPr>
            <w:r w:rsidRPr="00474E4B">
              <w:lastRenderedPageBreak/>
              <w:t>(16)</w:t>
            </w:r>
            <w:r w:rsidRPr="00474E4B">
              <w:tab/>
              <w:t xml:space="preserve">Întreprinderile mici </w:t>
            </w:r>
            <w:r w:rsidR="00474E4B" w:rsidRPr="00474E4B">
              <w:t>ș</w:t>
            </w:r>
            <w:r w:rsidRPr="00474E4B">
              <w:t>i mijlocii (IMM-urile) au un rol crucial în Uniune. Cu toate acestea, IMM-urile se confruntă cu provocări în accesarea finan</w:t>
            </w:r>
            <w:r w:rsidR="00474E4B" w:rsidRPr="00474E4B">
              <w:t>ț</w:t>
            </w:r>
            <w:r w:rsidRPr="00474E4B">
              <w:t>ării, din cauza faptului că se consideră că implică un risc ridicat</w:t>
            </w:r>
            <w:r w:rsidRPr="00474E4B">
              <w:rPr>
                <w:b/>
                <w:i/>
              </w:rPr>
              <w:t>,</w:t>
            </w:r>
            <w:r w:rsidRPr="00474E4B">
              <w:t xml:space="preserve"> a lipsei de garan</w:t>
            </w:r>
            <w:r w:rsidR="00474E4B" w:rsidRPr="00474E4B">
              <w:t>ț</w:t>
            </w:r>
            <w:r w:rsidRPr="00474E4B">
              <w:t xml:space="preserve">ii reale </w:t>
            </w:r>
            <w:r w:rsidRPr="00474E4B">
              <w:lastRenderedPageBreak/>
              <w:t xml:space="preserve">suficiente a acestora </w:t>
            </w:r>
            <w:r w:rsidR="00474E4B" w:rsidRPr="00474E4B">
              <w:rPr>
                <w:b/>
                <w:i/>
              </w:rPr>
              <w:t>ș</w:t>
            </w:r>
            <w:r w:rsidRPr="00474E4B">
              <w:rPr>
                <w:b/>
                <w:i/>
              </w:rPr>
              <w:t>i a lipsei de capital.</w:t>
            </w:r>
            <w:r w:rsidRPr="00474E4B">
              <w:t xml:space="preserve"> Provocări suplimentare apar din faptul că IMM-urile trebuie să rămână competitive implicându-se în activită</w:t>
            </w:r>
            <w:r w:rsidR="00474E4B" w:rsidRPr="00474E4B">
              <w:t>ț</w:t>
            </w:r>
            <w:r w:rsidRPr="00474E4B">
              <w:t>i de digitalizare, de interna</w:t>
            </w:r>
            <w:r w:rsidR="00474E4B" w:rsidRPr="00474E4B">
              <w:t>ț</w:t>
            </w:r>
            <w:r w:rsidRPr="00474E4B">
              <w:t xml:space="preserve">ionalizare, de inovare </w:t>
            </w:r>
            <w:r w:rsidR="00474E4B" w:rsidRPr="00474E4B">
              <w:t>ș</w:t>
            </w:r>
            <w:r w:rsidRPr="00474E4B">
              <w:t>i de perfec</w:t>
            </w:r>
            <w:r w:rsidR="00474E4B" w:rsidRPr="00474E4B">
              <w:t>ț</w:t>
            </w:r>
            <w:r w:rsidRPr="00474E4B">
              <w:t>ionare a for</w:t>
            </w:r>
            <w:r w:rsidR="00474E4B" w:rsidRPr="00474E4B">
              <w:t>ț</w:t>
            </w:r>
            <w:r w:rsidRPr="00474E4B">
              <w:t>ei lor de muncă. De asemenea, în compara</w:t>
            </w:r>
            <w:r w:rsidR="00474E4B" w:rsidRPr="00474E4B">
              <w:t>ț</w:t>
            </w:r>
            <w:r w:rsidRPr="00474E4B">
              <w:t>ie cu întreprinderile mari, IMM-urile au acces la un set mai limitat de surse de finan</w:t>
            </w:r>
            <w:r w:rsidR="00474E4B" w:rsidRPr="00474E4B">
              <w:t>ț</w:t>
            </w:r>
            <w:r w:rsidRPr="00474E4B">
              <w:t>are: acestea nu emit în mod obi</w:t>
            </w:r>
            <w:r w:rsidR="00474E4B" w:rsidRPr="00474E4B">
              <w:t>ș</w:t>
            </w:r>
            <w:r w:rsidRPr="00474E4B">
              <w:t>nuit obliga</w:t>
            </w:r>
            <w:r w:rsidR="00474E4B" w:rsidRPr="00474E4B">
              <w:t>ț</w:t>
            </w:r>
            <w:r w:rsidRPr="00474E4B">
              <w:t xml:space="preserve">iuni </w:t>
            </w:r>
            <w:r w:rsidR="00474E4B" w:rsidRPr="00474E4B">
              <w:t>ș</w:t>
            </w:r>
            <w:r w:rsidRPr="00474E4B">
              <w:t>i au numai un acces limitat la bursele de valori sau la investitorii institu</w:t>
            </w:r>
            <w:r w:rsidR="00474E4B" w:rsidRPr="00474E4B">
              <w:t>ț</w:t>
            </w:r>
            <w:r w:rsidRPr="00474E4B">
              <w:t>ionali mari. Dificultă</w:t>
            </w:r>
            <w:r w:rsidR="00474E4B" w:rsidRPr="00474E4B">
              <w:t>ț</w:t>
            </w:r>
            <w:r w:rsidRPr="00474E4B">
              <w:t>ile în a accesa finan</w:t>
            </w:r>
            <w:r w:rsidR="00474E4B" w:rsidRPr="00474E4B">
              <w:t>ț</w:t>
            </w:r>
            <w:r w:rsidRPr="00474E4B">
              <w:t>are sunt chiar mai mari pentru IMM-urile ale căror activită</w:t>
            </w:r>
            <w:r w:rsidR="00474E4B" w:rsidRPr="00474E4B">
              <w:t>ț</w:t>
            </w:r>
            <w:r w:rsidRPr="00474E4B">
              <w:t xml:space="preserve">i se axează pe activele necorporale. IMM-urile din Uniune se bazează foarte mult pe bănci </w:t>
            </w:r>
            <w:r w:rsidR="00474E4B" w:rsidRPr="00474E4B">
              <w:t>ș</w:t>
            </w:r>
            <w:r w:rsidRPr="00474E4B">
              <w:t>i finan</w:t>
            </w:r>
            <w:r w:rsidR="00474E4B" w:rsidRPr="00474E4B">
              <w:t>ț</w:t>
            </w:r>
            <w:r w:rsidRPr="00474E4B">
              <w:t>area prin îndatorare sub forma descoperirilor de cont, a împrumuturilor bancare sau a leasingului. Sprijinirea IMM-urilor care se confruntă cu provocările men</w:t>
            </w:r>
            <w:r w:rsidR="00474E4B" w:rsidRPr="00474E4B">
              <w:t>ț</w:t>
            </w:r>
            <w:r w:rsidRPr="00474E4B">
              <w:t xml:space="preserve">ionate anterior </w:t>
            </w:r>
            <w:r w:rsidR="00474E4B" w:rsidRPr="00474E4B">
              <w:t>ș</w:t>
            </w:r>
            <w:r w:rsidRPr="00474E4B">
              <w:t>i oferirea unor surse de finan</w:t>
            </w:r>
            <w:r w:rsidR="00474E4B" w:rsidRPr="00474E4B">
              <w:t>ț</w:t>
            </w:r>
            <w:r w:rsidRPr="00474E4B">
              <w:t>are mai diversificate sunt necesare pentru a cre</w:t>
            </w:r>
            <w:r w:rsidR="00474E4B" w:rsidRPr="00474E4B">
              <w:t>ș</w:t>
            </w:r>
            <w:r w:rsidRPr="00474E4B">
              <w:t>te capacitatea IMM-urilor de a-</w:t>
            </w:r>
            <w:r w:rsidR="00474E4B" w:rsidRPr="00474E4B">
              <w:t>ș</w:t>
            </w:r>
            <w:r w:rsidRPr="00474E4B">
              <w:t>i finan</w:t>
            </w:r>
            <w:r w:rsidR="00474E4B" w:rsidRPr="00474E4B">
              <w:t>ț</w:t>
            </w:r>
            <w:r w:rsidRPr="00474E4B">
              <w:t>a înfiin</w:t>
            </w:r>
            <w:r w:rsidR="00474E4B" w:rsidRPr="00474E4B">
              <w:t>ț</w:t>
            </w:r>
            <w:r w:rsidRPr="00474E4B">
              <w:t>area, cre</w:t>
            </w:r>
            <w:r w:rsidR="00474E4B" w:rsidRPr="00474E4B">
              <w:t>ș</w:t>
            </w:r>
            <w:r w:rsidRPr="00474E4B">
              <w:t xml:space="preserve">terea </w:t>
            </w:r>
            <w:r w:rsidR="00474E4B" w:rsidRPr="00474E4B">
              <w:t>ș</w:t>
            </w:r>
            <w:r w:rsidRPr="00474E4B">
              <w:t>i dezvoltarea, pentru a rezista încetinirii cre</w:t>
            </w:r>
            <w:r w:rsidR="00474E4B" w:rsidRPr="00474E4B">
              <w:t>ș</w:t>
            </w:r>
            <w:r w:rsidRPr="00474E4B">
              <w:t xml:space="preserve">terii economice </w:t>
            </w:r>
            <w:r w:rsidR="00474E4B" w:rsidRPr="00474E4B">
              <w:t>ș</w:t>
            </w:r>
            <w:r w:rsidRPr="00474E4B">
              <w:t xml:space="preserve">i pentru a transforma economia </w:t>
            </w:r>
            <w:r w:rsidR="00474E4B" w:rsidRPr="00474E4B">
              <w:t>ș</w:t>
            </w:r>
            <w:r w:rsidRPr="00474E4B">
              <w:t>i sistemul financiar într-unul mai rezilient în timpul încetinirii cre</w:t>
            </w:r>
            <w:r w:rsidR="00474E4B" w:rsidRPr="00474E4B">
              <w:t>ș</w:t>
            </w:r>
            <w:r w:rsidRPr="00474E4B">
              <w:t xml:space="preserve">terii economice sau al </w:t>
            </w:r>
            <w:r w:rsidR="00474E4B" w:rsidRPr="00474E4B">
              <w:t>ș</w:t>
            </w:r>
            <w:r w:rsidRPr="00474E4B">
              <w:t>ocurilor. Acest lucru este complementar, de asemenea, ini</w:t>
            </w:r>
            <w:r w:rsidR="00474E4B" w:rsidRPr="00474E4B">
              <w:t>ț</w:t>
            </w:r>
            <w:r w:rsidRPr="00474E4B">
              <w:t>iativelor întreprinse deja în contextul uniunii pie</w:t>
            </w:r>
            <w:r w:rsidR="00474E4B" w:rsidRPr="00474E4B">
              <w:t>ț</w:t>
            </w:r>
            <w:r w:rsidRPr="00474E4B">
              <w:t>elor de capital. Fondul InvestEU ar trebui să ofere posibilitatea de a viza produse financiare specifice, mai direc</w:t>
            </w:r>
            <w:r w:rsidR="00474E4B" w:rsidRPr="00474E4B">
              <w:t>ț</w:t>
            </w:r>
            <w:r w:rsidRPr="00474E4B">
              <w:t>ionate.</w:t>
            </w:r>
          </w:p>
        </w:tc>
      </w:tr>
    </w:tbl>
    <w:p w:rsidR="00CC45A9" w:rsidRPr="00474E4B" w:rsidRDefault="00CC45A9" w:rsidP="00CC45A9">
      <w:pPr>
        <w:rPr>
          <w:rStyle w:val="HideTWBExt"/>
          <w:color w:val="auto"/>
        </w:rPr>
      </w:pPr>
      <w:r w:rsidRPr="00474E4B">
        <w:rPr>
          <w:rStyle w:val="HideTWBExt"/>
        </w:rPr>
        <w:lastRenderedPageBreak/>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17</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Considerentul 17</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17)</w:t>
            </w:r>
            <w:r w:rsidRPr="00474E4B">
              <w:tab/>
              <w:t>Potrivit celor prevăzute în Documentul de reflec</w:t>
            </w:r>
            <w:r w:rsidR="00474E4B" w:rsidRPr="00474E4B">
              <w:t>ț</w:t>
            </w:r>
            <w:r w:rsidRPr="00474E4B">
              <w:t>ie privind dimensiunea socială a Europei</w:t>
            </w:r>
            <w:r w:rsidRPr="00474E4B">
              <w:rPr>
                <w:vertAlign w:val="superscript"/>
              </w:rPr>
              <w:t>16</w:t>
            </w:r>
            <w:r w:rsidRPr="00474E4B">
              <w:t xml:space="preserve"> </w:t>
            </w:r>
            <w:r w:rsidR="00474E4B" w:rsidRPr="00474E4B">
              <w:t>ș</w:t>
            </w:r>
            <w:r w:rsidRPr="00474E4B">
              <w:t>i în Pilonul european de drepturi sociale</w:t>
            </w:r>
            <w:r w:rsidRPr="00474E4B">
              <w:rPr>
                <w:vertAlign w:val="superscript"/>
              </w:rPr>
              <w:t>17</w:t>
            </w:r>
            <w:r w:rsidRPr="00474E4B">
              <w:t xml:space="preserve">, crearea unei Uniuni mai echitabile </w:t>
            </w:r>
            <w:r w:rsidR="00474E4B" w:rsidRPr="00474E4B">
              <w:t>ș</w:t>
            </w:r>
            <w:r w:rsidRPr="00474E4B">
              <w:t xml:space="preserve">i mai favorabile incluziunii este o prioritate </w:t>
            </w:r>
            <w:r w:rsidRPr="00474E4B">
              <w:lastRenderedPageBreak/>
              <w:t xml:space="preserve">absolută a Uniunii pentru a combate inegalitatea </w:t>
            </w:r>
            <w:r w:rsidR="00474E4B" w:rsidRPr="00474E4B">
              <w:t>ș</w:t>
            </w:r>
            <w:r w:rsidRPr="00474E4B">
              <w:t xml:space="preserve">i pentru a încuraja politicile de incluziune socială din Europa. Inegalitatea de </w:t>
            </w:r>
            <w:r w:rsidR="00474E4B" w:rsidRPr="00474E4B">
              <w:t>ș</w:t>
            </w:r>
            <w:r w:rsidRPr="00474E4B">
              <w:t>anse afectează în special accesul la educa</w:t>
            </w:r>
            <w:r w:rsidR="00474E4B" w:rsidRPr="00474E4B">
              <w:t>ț</w:t>
            </w:r>
            <w:r w:rsidRPr="00474E4B">
              <w:t xml:space="preserve">ie, formare profesională </w:t>
            </w:r>
            <w:r w:rsidR="00474E4B" w:rsidRPr="00474E4B">
              <w:t>ș</w:t>
            </w:r>
            <w:r w:rsidRPr="00474E4B">
              <w:t>i sănătate. Investi</w:t>
            </w:r>
            <w:r w:rsidR="00474E4B" w:rsidRPr="00474E4B">
              <w:t>ț</w:t>
            </w:r>
            <w:r w:rsidRPr="00474E4B">
              <w:t>iile în economia socială, în economia legată de competen</w:t>
            </w:r>
            <w:r w:rsidR="00474E4B" w:rsidRPr="00474E4B">
              <w:t>ț</w:t>
            </w:r>
            <w:r w:rsidRPr="00474E4B">
              <w:t xml:space="preserve">e </w:t>
            </w:r>
            <w:r w:rsidR="00474E4B" w:rsidRPr="00474E4B">
              <w:t>ș</w:t>
            </w:r>
            <w:r w:rsidRPr="00474E4B">
              <w:t xml:space="preserve">i de capitalul uman, precum </w:t>
            </w:r>
            <w:r w:rsidR="00474E4B" w:rsidRPr="00474E4B">
              <w:t>ș</w:t>
            </w:r>
            <w:r w:rsidRPr="00474E4B">
              <w:t>i în integrarea popula</w:t>
            </w:r>
            <w:r w:rsidR="00474E4B" w:rsidRPr="00474E4B">
              <w:t>ț</w:t>
            </w:r>
            <w:r w:rsidRPr="00474E4B">
              <w:t>iilor vulnerabile în societate pot cre</w:t>
            </w:r>
            <w:r w:rsidR="00474E4B" w:rsidRPr="00474E4B">
              <w:t>ș</w:t>
            </w:r>
            <w:r w:rsidRPr="00474E4B">
              <w:t>te oportunită</w:t>
            </w:r>
            <w:r w:rsidR="00474E4B" w:rsidRPr="00474E4B">
              <w:t>ț</w:t>
            </w:r>
            <w:r w:rsidRPr="00474E4B">
              <w:t>ile economice, în special dacă sunt coordonate la nivelul Uniunii. Fondul InvestEU ar trebui utilizat pentru a sprijini investi</w:t>
            </w:r>
            <w:r w:rsidR="00474E4B" w:rsidRPr="00474E4B">
              <w:t>ț</w:t>
            </w:r>
            <w:r w:rsidRPr="00474E4B">
              <w:t>iile în educa</w:t>
            </w:r>
            <w:r w:rsidR="00474E4B" w:rsidRPr="00474E4B">
              <w:t>ț</w:t>
            </w:r>
            <w:r w:rsidRPr="00474E4B">
              <w:t xml:space="preserve">ie </w:t>
            </w:r>
            <w:r w:rsidR="00474E4B" w:rsidRPr="00474E4B">
              <w:t>ș</w:t>
            </w:r>
            <w:r w:rsidRPr="00474E4B">
              <w:t>i formare, a contribui la cre</w:t>
            </w:r>
            <w:r w:rsidR="00474E4B" w:rsidRPr="00474E4B">
              <w:t>ș</w:t>
            </w:r>
            <w:r w:rsidRPr="00474E4B">
              <w:t>terea ocupării for</w:t>
            </w:r>
            <w:r w:rsidR="00474E4B" w:rsidRPr="00474E4B">
              <w:t>ț</w:t>
            </w:r>
            <w:r w:rsidRPr="00474E4B">
              <w:t xml:space="preserve">ei de muncă, în special a persoanelor </w:t>
            </w:r>
            <w:r w:rsidR="00474E4B" w:rsidRPr="00474E4B">
              <w:t>ș</w:t>
            </w:r>
            <w:r w:rsidRPr="00474E4B">
              <w:t xml:space="preserve">omere necalificate </w:t>
            </w:r>
            <w:r w:rsidR="00474E4B" w:rsidRPr="00474E4B">
              <w:t>ș</w:t>
            </w:r>
            <w:r w:rsidRPr="00474E4B">
              <w:t xml:space="preserve">i de lungă durată, </w:t>
            </w:r>
            <w:r w:rsidR="00474E4B" w:rsidRPr="00474E4B">
              <w:t>ș</w:t>
            </w:r>
            <w:r w:rsidRPr="00474E4B">
              <w:t>i la îmbunătă</w:t>
            </w:r>
            <w:r w:rsidR="00474E4B" w:rsidRPr="00474E4B">
              <w:t>ț</w:t>
            </w:r>
            <w:r w:rsidRPr="00474E4B">
              <w:t>irea situa</w:t>
            </w:r>
            <w:r w:rsidR="00474E4B" w:rsidRPr="00474E4B">
              <w:t>ț</w:t>
            </w:r>
            <w:r w:rsidRPr="00474E4B">
              <w:t>iei cu privire la solidaritatea între genera</w:t>
            </w:r>
            <w:r w:rsidR="00474E4B" w:rsidRPr="00474E4B">
              <w:t>ț</w:t>
            </w:r>
            <w:r w:rsidRPr="00474E4B">
              <w:t>ii, la sectorul sănătă</w:t>
            </w:r>
            <w:r w:rsidR="00474E4B" w:rsidRPr="00474E4B">
              <w:t>ț</w:t>
            </w:r>
            <w:r w:rsidRPr="00474E4B">
              <w:t>ii, la lipsa de adăpost, la incluziunea digitală, la dezvoltarea comunită</w:t>
            </w:r>
            <w:r w:rsidR="00474E4B" w:rsidRPr="00474E4B">
              <w:t>ț</w:t>
            </w:r>
            <w:r w:rsidRPr="00474E4B">
              <w:t xml:space="preserve">ii, la rolul </w:t>
            </w:r>
            <w:r w:rsidR="00474E4B" w:rsidRPr="00474E4B">
              <w:t>ș</w:t>
            </w:r>
            <w:r w:rsidRPr="00474E4B">
              <w:t xml:space="preserve">i locul tinerilor în societate, precum </w:t>
            </w:r>
            <w:r w:rsidR="00474E4B" w:rsidRPr="00474E4B">
              <w:t>ș</w:t>
            </w:r>
            <w:r w:rsidRPr="00474E4B">
              <w:t>i la persoanele vulnerabile, inclusiv cetă</w:t>
            </w:r>
            <w:r w:rsidR="00474E4B" w:rsidRPr="00474E4B">
              <w:t>ț</w:t>
            </w:r>
            <w:r w:rsidRPr="00474E4B">
              <w:t xml:space="preserve">enii </w:t>
            </w:r>
            <w:r w:rsidR="00474E4B" w:rsidRPr="00474E4B">
              <w:t>ț</w:t>
            </w:r>
            <w:r w:rsidRPr="00474E4B">
              <w:t>ărilor ter</w:t>
            </w:r>
            <w:r w:rsidR="00474E4B" w:rsidRPr="00474E4B">
              <w:t>ț</w:t>
            </w:r>
            <w:r w:rsidRPr="00474E4B">
              <w:t xml:space="preserve">e. De asemenea, Programul InvestEU ar trebui să contribuie la sprijinirea culturii </w:t>
            </w:r>
            <w:r w:rsidR="00474E4B" w:rsidRPr="00474E4B">
              <w:t>ș</w:t>
            </w:r>
            <w:r w:rsidRPr="00474E4B">
              <w:t>i a creativită</w:t>
            </w:r>
            <w:r w:rsidR="00474E4B" w:rsidRPr="00474E4B">
              <w:t>ț</w:t>
            </w:r>
            <w:r w:rsidRPr="00474E4B">
              <w:t>ii europene. Pentru a contracara transformările profunde ale societă</w:t>
            </w:r>
            <w:r w:rsidR="00474E4B" w:rsidRPr="00474E4B">
              <w:t>ț</w:t>
            </w:r>
            <w:r w:rsidRPr="00474E4B">
              <w:t xml:space="preserve">ilor din Uniune </w:t>
            </w:r>
            <w:r w:rsidR="00474E4B" w:rsidRPr="00474E4B">
              <w:t>ș</w:t>
            </w:r>
            <w:r w:rsidRPr="00474E4B">
              <w:t>i ale pie</w:t>
            </w:r>
            <w:r w:rsidR="00474E4B" w:rsidRPr="00474E4B">
              <w:t>ț</w:t>
            </w:r>
            <w:r w:rsidRPr="00474E4B">
              <w:t>ei for</w:t>
            </w:r>
            <w:r w:rsidR="00474E4B" w:rsidRPr="00474E4B">
              <w:t>ț</w:t>
            </w:r>
            <w:r w:rsidRPr="00474E4B">
              <w:t>ei de muncă din deceniul următor, este necesară investi</w:t>
            </w:r>
            <w:r w:rsidR="00474E4B" w:rsidRPr="00474E4B">
              <w:t>ț</w:t>
            </w:r>
            <w:r w:rsidRPr="00474E4B">
              <w:t xml:space="preserve">ia în </w:t>
            </w:r>
            <w:r w:rsidRPr="00474E4B">
              <w:rPr>
                <w:b/>
                <w:i/>
              </w:rPr>
              <w:t>capitalul uman</w:t>
            </w:r>
            <w:r w:rsidRPr="00474E4B">
              <w:t>, în microfinan</w:t>
            </w:r>
            <w:r w:rsidR="00474E4B" w:rsidRPr="00474E4B">
              <w:t>ț</w:t>
            </w:r>
            <w:r w:rsidRPr="00474E4B">
              <w:t>are, în finan</w:t>
            </w:r>
            <w:r w:rsidR="00474E4B" w:rsidRPr="00474E4B">
              <w:t>ț</w:t>
            </w:r>
            <w:r w:rsidRPr="00474E4B">
              <w:t xml:space="preserve">area întreprinderilor sociale </w:t>
            </w:r>
            <w:r w:rsidR="00474E4B" w:rsidRPr="00474E4B">
              <w:t>ș</w:t>
            </w:r>
            <w:r w:rsidRPr="00474E4B">
              <w:t>i în noile modele de afaceri din economia socială, inclusiv investi</w:t>
            </w:r>
            <w:r w:rsidR="00474E4B" w:rsidRPr="00474E4B">
              <w:t>ț</w:t>
            </w:r>
            <w:r w:rsidRPr="00474E4B">
              <w:t xml:space="preserve">iile în impactul social </w:t>
            </w:r>
            <w:r w:rsidR="00474E4B" w:rsidRPr="00474E4B">
              <w:t>ș</w:t>
            </w:r>
            <w:r w:rsidRPr="00474E4B">
              <w:t>i contractarea rezultatelor sociale. Programul InvestEU ar trebui să consolideze ecosistemul emergent al pie</w:t>
            </w:r>
            <w:r w:rsidR="00474E4B" w:rsidRPr="00474E4B">
              <w:t>ț</w:t>
            </w:r>
            <w:r w:rsidRPr="00474E4B">
              <w:t xml:space="preserve">ei sociale, crescând furnizarea </w:t>
            </w:r>
            <w:r w:rsidR="00474E4B" w:rsidRPr="00474E4B">
              <w:t>ș</w:t>
            </w:r>
            <w:r w:rsidRPr="00474E4B">
              <w:t>i accesul la finan</w:t>
            </w:r>
            <w:r w:rsidR="00474E4B" w:rsidRPr="00474E4B">
              <w:t>ț</w:t>
            </w:r>
            <w:r w:rsidRPr="00474E4B">
              <w:t xml:space="preserve">area microîntreprinderilor </w:t>
            </w:r>
            <w:r w:rsidR="00474E4B" w:rsidRPr="00474E4B">
              <w:t>ș</w:t>
            </w:r>
            <w:r w:rsidRPr="00474E4B">
              <w:t>i a întreprinderilor sociale pentru a da curs cererilor celor care au cea mai mare nevoie de finan</w:t>
            </w:r>
            <w:r w:rsidR="00474E4B" w:rsidRPr="00474E4B">
              <w:t>ț</w:t>
            </w:r>
            <w:r w:rsidRPr="00474E4B">
              <w:t>are. Raportul Grupului operativ la nivel înalt privind investi</w:t>
            </w:r>
            <w:r w:rsidR="00474E4B" w:rsidRPr="00474E4B">
              <w:t>ț</w:t>
            </w:r>
            <w:r w:rsidRPr="00474E4B">
              <w:t>iile în infrastructura socială în Europa</w:t>
            </w:r>
            <w:r w:rsidRPr="00474E4B">
              <w:rPr>
                <w:vertAlign w:val="superscript"/>
              </w:rPr>
              <w:t>18</w:t>
            </w:r>
            <w:r w:rsidRPr="00474E4B">
              <w:t xml:space="preserve"> a identificat deficite în materie de investi</w:t>
            </w:r>
            <w:r w:rsidR="00474E4B" w:rsidRPr="00474E4B">
              <w:t>ț</w:t>
            </w:r>
            <w:r w:rsidRPr="00474E4B">
              <w:t xml:space="preserve">ii în infrastructură </w:t>
            </w:r>
            <w:r w:rsidR="00474E4B" w:rsidRPr="00474E4B">
              <w:t>ș</w:t>
            </w:r>
            <w:r w:rsidRPr="00474E4B">
              <w:t>i serviciile sociale, inclusiv în educa</w:t>
            </w:r>
            <w:r w:rsidR="00474E4B" w:rsidRPr="00474E4B">
              <w:t>ț</w:t>
            </w:r>
            <w:r w:rsidRPr="00474E4B">
              <w:t xml:space="preserve">ie, formare profesională, sănătate </w:t>
            </w:r>
            <w:r w:rsidR="00474E4B" w:rsidRPr="00474E4B">
              <w:t>ș</w:t>
            </w:r>
            <w:r w:rsidRPr="00474E4B">
              <w:t>i locuin</w:t>
            </w:r>
            <w:r w:rsidR="00474E4B" w:rsidRPr="00474E4B">
              <w:t>ț</w:t>
            </w:r>
            <w:r w:rsidRPr="00474E4B">
              <w:t xml:space="preserve">e, fiind necesară oferirea de sprijin, inclusiv la nivelul Uniunii. Prin urmare, puterea colectivă a capitalului </w:t>
            </w:r>
            <w:r w:rsidRPr="00474E4B">
              <w:lastRenderedPageBreak/>
              <w:t xml:space="preserve">public, comercial </w:t>
            </w:r>
            <w:r w:rsidR="00474E4B" w:rsidRPr="00474E4B">
              <w:t>ș</w:t>
            </w:r>
            <w:r w:rsidRPr="00474E4B">
              <w:t xml:space="preserve">i filantropic, precum </w:t>
            </w:r>
            <w:r w:rsidR="00474E4B" w:rsidRPr="00474E4B">
              <w:t>ș</w:t>
            </w:r>
            <w:r w:rsidRPr="00474E4B">
              <w:t>i sprijinul din partea funda</w:t>
            </w:r>
            <w:r w:rsidR="00474E4B" w:rsidRPr="00474E4B">
              <w:t>ț</w:t>
            </w:r>
            <w:r w:rsidRPr="00474E4B">
              <w:t>iilor ar trebui să fie valorificate pentru a sprijini dezvoltarea lan</w:t>
            </w:r>
            <w:r w:rsidR="00474E4B" w:rsidRPr="00474E4B">
              <w:t>ț</w:t>
            </w:r>
            <w:r w:rsidRPr="00474E4B">
              <w:t>ului valoric al pie</w:t>
            </w:r>
            <w:r w:rsidR="00474E4B" w:rsidRPr="00474E4B">
              <w:t>ț</w:t>
            </w:r>
            <w:r w:rsidRPr="00474E4B">
              <w:t xml:space="preserve">ei sociale </w:t>
            </w:r>
            <w:r w:rsidR="00474E4B" w:rsidRPr="00474E4B">
              <w:t>ș</w:t>
            </w:r>
            <w:r w:rsidRPr="00474E4B">
              <w:t>i o Uniune mai rezilientă.</w:t>
            </w:r>
          </w:p>
        </w:tc>
        <w:tc>
          <w:tcPr>
            <w:tcW w:w="4876" w:type="dxa"/>
            <w:hideMark/>
          </w:tcPr>
          <w:p w:rsidR="00CC45A9" w:rsidRPr="00474E4B" w:rsidRDefault="00CC45A9" w:rsidP="001D1851">
            <w:pPr>
              <w:pStyle w:val="Normal6"/>
              <w:rPr>
                <w:noProof/>
                <w:szCs w:val="24"/>
              </w:rPr>
            </w:pPr>
            <w:r w:rsidRPr="00474E4B">
              <w:lastRenderedPageBreak/>
              <w:t>(17)</w:t>
            </w:r>
            <w:r w:rsidRPr="00474E4B">
              <w:tab/>
              <w:t>Potrivit celor prevăzute în Documentul de reflec</w:t>
            </w:r>
            <w:r w:rsidR="00474E4B" w:rsidRPr="00474E4B">
              <w:t>ț</w:t>
            </w:r>
            <w:r w:rsidRPr="00474E4B">
              <w:t>ie privind dimensiunea socială a Europei</w:t>
            </w:r>
            <w:r w:rsidRPr="00474E4B">
              <w:rPr>
                <w:vertAlign w:val="superscript"/>
              </w:rPr>
              <w:t>16</w:t>
            </w:r>
            <w:r w:rsidRPr="00474E4B">
              <w:t xml:space="preserve"> </w:t>
            </w:r>
            <w:r w:rsidR="00474E4B" w:rsidRPr="00474E4B">
              <w:t>ș</w:t>
            </w:r>
            <w:r w:rsidRPr="00474E4B">
              <w:t>i în Pilonul european de drepturi sociale</w:t>
            </w:r>
            <w:r w:rsidRPr="00474E4B">
              <w:rPr>
                <w:vertAlign w:val="superscript"/>
              </w:rPr>
              <w:t>17</w:t>
            </w:r>
            <w:r w:rsidRPr="00474E4B">
              <w:t xml:space="preserve">, crearea unei Uniuni mai echitabile </w:t>
            </w:r>
            <w:r w:rsidR="00474E4B" w:rsidRPr="00474E4B">
              <w:t>ș</w:t>
            </w:r>
            <w:r w:rsidRPr="00474E4B">
              <w:t xml:space="preserve">i mai favorabile incluziunii este o prioritate </w:t>
            </w:r>
            <w:r w:rsidRPr="00474E4B">
              <w:lastRenderedPageBreak/>
              <w:t xml:space="preserve">absolută a Uniunii pentru a combate inegalitatea </w:t>
            </w:r>
            <w:r w:rsidR="00474E4B" w:rsidRPr="00474E4B">
              <w:t>ș</w:t>
            </w:r>
            <w:r w:rsidRPr="00474E4B">
              <w:t xml:space="preserve">i pentru a încuraja politicile de incluziune socială din Europa. Inegalitatea de </w:t>
            </w:r>
            <w:r w:rsidR="00474E4B" w:rsidRPr="00474E4B">
              <w:t>ș</w:t>
            </w:r>
            <w:r w:rsidRPr="00474E4B">
              <w:t>anse afectează în special accesul la educa</w:t>
            </w:r>
            <w:r w:rsidR="00474E4B" w:rsidRPr="00474E4B">
              <w:t>ț</w:t>
            </w:r>
            <w:r w:rsidRPr="00474E4B">
              <w:t xml:space="preserve">ie, formare profesională </w:t>
            </w:r>
            <w:r w:rsidR="00474E4B" w:rsidRPr="00474E4B">
              <w:t>ș</w:t>
            </w:r>
            <w:r w:rsidRPr="00474E4B">
              <w:t>i sănătate. Investi</w:t>
            </w:r>
            <w:r w:rsidR="00474E4B" w:rsidRPr="00474E4B">
              <w:t>ț</w:t>
            </w:r>
            <w:r w:rsidRPr="00474E4B">
              <w:t>iile în economia socială, în economia legată de competen</w:t>
            </w:r>
            <w:r w:rsidR="00474E4B" w:rsidRPr="00474E4B">
              <w:t>ț</w:t>
            </w:r>
            <w:r w:rsidRPr="00474E4B">
              <w:t xml:space="preserve">e </w:t>
            </w:r>
            <w:r w:rsidR="00474E4B" w:rsidRPr="00474E4B">
              <w:t>ș</w:t>
            </w:r>
            <w:r w:rsidRPr="00474E4B">
              <w:t xml:space="preserve">i de capitalul uman, precum </w:t>
            </w:r>
            <w:r w:rsidR="00474E4B" w:rsidRPr="00474E4B">
              <w:t>ș</w:t>
            </w:r>
            <w:r w:rsidRPr="00474E4B">
              <w:t>i în integrarea popula</w:t>
            </w:r>
            <w:r w:rsidR="00474E4B" w:rsidRPr="00474E4B">
              <w:t>ț</w:t>
            </w:r>
            <w:r w:rsidRPr="00474E4B">
              <w:t>iilor vulnerabile în societate pot cre</w:t>
            </w:r>
            <w:r w:rsidR="00474E4B" w:rsidRPr="00474E4B">
              <w:t>ș</w:t>
            </w:r>
            <w:r w:rsidRPr="00474E4B">
              <w:t>te oportunită</w:t>
            </w:r>
            <w:r w:rsidR="00474E4B" w:rsidRPr="00474E4B">
              <w:t>ț</w:t>
            </w:r>
            <w:r w:rsidRPr="00474E4B">
              <w:t>ile economice, în special dacă sunt coordonate la nivelul Uniunii</w:t>
            </w:r>
            <w:r w:rsidRPr="00474E4B">
              <w:rPr>
                <w:b/>
                <w:i/>
              </w:rPr>
              <w:t xml:space="preserve"> </w:t>
            </w:r>
            <w:r w:rsidR="00474E4B" w:rsidRPr="00474E4B">
              <w:rPr>
                <w:b/>
                <w:i/>
              </w:rPr>
              <w:t>ș</w:t>
            </w:r>
            <w:r w:rsidRPr="00474E4B">
              <w:rPr>
                <w:b/>
                <w:i/>
              </w:rPr>
              <w:t>i orientate către sectoarele care se confruntă cu dificultă</w:t>
            </w:r>
            <w:r w:rsidR="00474E4B" w:rsidRPr="00474E4B">
              <w:rPr>
                <w:b/>
                <w:i/>
              </w:rPr>
              <w:t>ț</w:t>
            </w:r>
            <w:r w:rsidRPr="00474E4B">
              <w:rPr>
                <w:b/>
                <w:i/>
              </w:rPr>
              <w:t>i legate de penuria de for</w:t>
            </w:r>
            <w:r w:rsidR="00474E4B" w:rsidRPr="00474E4B">
              <w:rPr>
                <w:b/>
                <w:i/>
              </w:rPr>
              <w:t>ț</w:t>
            </w:r>
            <w:r w:rsidRPr="00474E4B">
              <w:rPr>
                <w:b/>
                <w:i/>
              </w:rPr>
              <w:t xml:space="preserve">ă de muncă, adaptarea la noile tehnologii </w:t>
            </w:r>
            <w:r w:rsidR="00474E4B" w:rsidRPr="00474E4B">
              <w:rPr>
                <w:b/>
                <w:i/>
              </w:rPr>
              <w:t>ș</w:t>
            </w:r>
            <w:r w:rsidRPr="00474E4B">
              <w:rPr>
                <w:b/>
                <w:i/>
              </w:rPr>
              <w:t>i oportunită</w:t>
            </w:r>
            <w:r w:rsidR="00474E4B" w:rsidRPr="00474E4B">
              <w:rPr>
                <w:b/>
                <w:i/>
              </w:rPr>
              <w:t>ț</w:t>
            </w:r>
            <w:r w:rsidRPr="00474E4B">
              <w:rPr>
                <w:b/>
                <w:i/>
              </w:rPr>
              <w:t>ile de angajare pentru femei, ca în cazul sectorului transporturilor</w:t>
            </w:r>
            <w:r w:rsidRPr="00474E4B">
              <w:t>. Fondul InvestEU ar trebui utilizat pentru a sprijini investi</w:t>
            </w:r>
            <w:r w:rsidR="00474E4B" w:rsidRPr="00474E4B">
              <w:t>ț</w:t>
            </w:r>
            <w:r w:rsidRPr="00474E4B">
              <w:t>iile în educa</w:t>
            </w:r>
            <w:r w:rsidR="00474E4B" w:rsidRPr="00474E4B">
              <w:t>ț</w:t>
            </w:r>
            <w:r w:rsidRPr="00474E4B">
              <w:t xml:space="preserve">ie </w:t>
            </w:r>
            <w:r w:rsidR="00474E4B" w:rsidRPr="00474E4B">
              <w:t>ș</w:t>
            </w:r>
            <w:r w:rsidRPr="00474E4B">
              <w:t>i formare, a contribui la cre</w:t>
            </w:r>
            <w:r w:rsidR="00474E4B" w:rsidRPr="00474E4B">
              <w:t>ș</w:t>
            </w:r>
            <w:r w:rsidRPr="00474E4B">
              <w:t>terea ocupării for</w:t>
            </w:r>
            <w:r w:rsidR="00474E4B" w:rsidRPr="00474E4B">
              <w:t>ț</w:t>
            </w:r>
            <w:r w:rsidRPr="00474E4B">
              <w:t xml:space="preserve">ei de muncă, în special a persoanelor </w:t>
            </w:r>
            <w:r w:rsidR="00474E4B" w:rsidRPr="00474E4B">
              <w:t>ș</w:t>
            </w:r>
            <w:r w:rsidRPr="00474E4B">
              <w:t xml:space="preserve">omere necalificate </w:t>
            </w:r>
            <w:r w:rsidR="00474E4B" w:rsidRPr="00474E4B">
              <w:t>ș</w:t>
            </w:r>
            <w:r w:rsidRPr="00474E4B">
              <w:t xml:space="preserve">i de lungă durată, </w:t>
            </w:r>
            <w:r w:rsidR="00474E4B" w:rsidRPr="00474E4B">
              <w:t>ș</w:t>
            </w:r>
            <w:r w:rsidRPr="00474E4B">
              <w:t>i la îmbunătă</w:t>
            </w:r>
            <w:r w:rsidR="00474E4B" w:rsidRPr="00474E4B">
              <w:t>ț</w:t>
            </w:r>
            <w:r w:rsidRPr="00474E4B">
              <w:t>irea situa</w:t>
            </w:r>
            <w:r w:rsidR="00474E4B" w:rsidRPr="00474E4B">
              <w:t>ț</w:t>
            </w:r>
            <w:r w:rsidRPr="00474E4B">
              <w:t>iei cu privire la solidaritatea între genera</w:t>
            </w:r>
            <w:r w:rsidR="00474E4B" w:rsidRPr="00474E4B">
              <w:t>ț</w:t>
            </w:r>
            <w:r w:rsidRPr="00474E4B">
              <w:t>ii, la sectorul sănătă</w:t>
            </w:r>
            <w:r w:rsidR="00474E4B" w:rsidRPr="00474E4B">
              <w:t>ț</w:t>
            </w:r>
            <w:r w:rsidRPr="00474E4B">
              <w:t>ii, la lipsa de adăpost, la incluziunea digitală, la dezvoltarea comunită</w:t>
            </w:r>
            <w:r w:rsidR="00474E4B" w:rsidRPr="00474E4B">
              <w:t>ț</w:t>
            </w:r>
            <w:r w:rsidRPr="00474E4B">
              <w:t xml:space="preserve">ii, la rolul </w:t>
            </w:r>
            <w:r w:rsidR="00474E4B" w:rsidRPr="00474E4B">
              <w:t>ș</w:t>
            </w:r>
            <w:r w:rsidRPr="00474E4B">
              <w:t xml:space="preserve">i locul tinerilor în societate, precum </w:t>
            </w:r>
            <w:r w:rsidR="00474E4B" w:rsidRPr="00474E4B">
              <w:t>ș</w:t>
            </w:r>
            <w:r w:rsidRPr="00474E4B">
              <w:t>i la persoanele vulnerabile, inclusiv cetă</w:t>
            </w:r>
            <w:r w:rsidR="00474E4B" w:rsidRPr="00474E4B">
              <w:t>ț</w:t>
            </w:r>
            <w:r w:rsidRPr="00474E4B">
              <w:t xml:space="preserve">enii </w:t>
            </w:r>
            <w:r w:rsidR="00474E4B" w:rsidRPr="00474E4B">
              <w:t>ț</w:t>
            </w:r>
            <w:r w:rsidRPr="00474E4B">
              <w:t>ărilor ter</w:t>
            </w:r>
            <w:r w:rsidR="00474E4B" w:rsidRPr="00474E4B">
              <w:t>ț</w:t>
            </w:r>
            <w:r w:rsidRPr="00474E4B">
              <w:t>e. De asemenea, Programul InvestEU ar trebui să contribuie la sprijinirea culturii</w:t>
            </w:r>
            <w:r w:rsidRPr="00474E4B">
              <w:rPr>
                <w:b/>
                <w:i/>
              </w:rPr>
              <w:t>, a turismului</w:t>
            </w:r>
            <w:r w:rsidRPr="00474E4B">
              <w:t xml:space="preserve"> </w:t>
            </w:r>
            <w:r w:rsidR="00474E4B" w:rsidRPr="00474E4B">
              <w:t>ș</w:t>
            </w:r>
            <w:r w:rsidRPr="00474E4B">
              <w:t>i a creativită</w:t>
            </w:r>
            <w:r w:rsidR="00474E4B" w:rsidRPr="00474E4B">
              <w:t>ț</w:t>
            </w:r>
            <w:r w:rsidRPr="00474E4B">
              <w:t>ii europene. Pentru a contracara transformările profunde care pot afecta în deceniul următor societă</w:t>
            </w:r>
            <w:r w:rsidR="00474E4B" w:rsidRPr="00474E4B">
              <w:t>ț</w:t>
            </w:r>
            <w:r w:rsidRPr="00474E4B">
              <w:t xml:space="preserve">ile din Uniune </w:t>
            </w:r>
            <w:r w:rsidR="00474E4B" w:rsidRPr="00474E4B">
              <w:t>ș</w:t>
            </w:r>
            <w:r w:rsidRPr="00474E4B">
              <w:t>i pia</w:t>
            </w:r>
            <w:r w:rsidR="00474E4B" w:rsidRPr="00474E4B">
              <w:t>ț</w:t>
            </w:r>
            <w:r w:rsidRPr="00474E4B">
              <w:t>a for</w:t>
            </w:r>
            <w:r w:rsidR="00474E4B" w:rsidRPr="00474E4B">
              <w:t>ț</w:t>
            </w:r>
            <w:r w:rsidRPr="00474E4B">
              <w:t>ei de muncă, sunt necesare investi</w:t>
            </w:r>
            <w:r w:rsidR="00474E4B" w:rsidRPr="00474E4B">
              <w:t>ț</w:t>
            </w:r>
            <w:r w:rsidRPr="00474E4B">
              <w:t xml:space="preserve">ii în </w:t>
            </w:r>
            <w:r w:rsidRPr="00474E4B">
              <w:rPr>
                <w:b/>
                <w:i/>
              </w:rPr>
              <w:t>resursele umane</w:t>
            </w:r>
            <w:r w:rsidRPr="00474E4B">
              <w:t>, în microfinan</w:t>
            </w:r>
            <w:r w:rsidR="00474E4B" w:rsidRPr="00474E4B">
              <w:t>ț</w:t>
            </w:r>
            <w:r w:rsidRPr="00474E4B">
              <w:t>are, în finan</w:t>
            </w:r>
            <w:r w:rsidR="00474E4B" w:rsidRPr="00474E4B">
              <w:t>ț</w:t>
            </w:r>
            <w:r w:rsidRPr="00474E4B">
              <w:t xml:space="preserve">area întreprinderilor sociale </w:t>
            </w:r>
            <w:r w:rsidR="00474E4B" w:rsidRPr="00474E4B">
              <w:t>ș</w:t>
            </w:r>
            <w:r w:rsidRPr="00474E4B">
              <w:t>i în noi modele de afaceri din economia socială, inclusiv investi</w:t>
            </w:r>
            <w:r w:rsidR="00474E4B" w:rsidRPr="00474E4B">
              <w:t>ț</w:t>
            </w:r>
            <w:r w:rsidRPr="00474E4B">
              <w:t xml:space="preserve">ii cu impact social </w:t>
            </w:r>
            <w:r w:rsidR="00474E4B" w:rsidRPr="00474E4B">
              <w:t>ș</w:t>
            </w:r>
            <w:r w:rsidRPr="00474E4B">
              <w:t>i contracte ce vizează rezultate sociale. Programul InvestEU ar trebui să consolideze ecosistemul emergent al pie</w:t>
            </w:r>
            <w:r w:rsidR="00474E4B" w:rsidRPr="00474E4B">
              <w:t>ț</w:t>
            </w:r>
            <w:r w:rsidRPr="00474E4B">
              <w:t xml:space="preserve">ei sociale, crescând furnizarea </w:t>
            </w:r>
            <w:r w:rsidR="00474E4B" w:rsidRPr="00474E4B">
              <w:t>ș</w:t>
            </w:r>
            <w:r w:rsidRPr="00474E4B">
              <w:t>i accesul la finan</w:t>
            </w:r>
            <w:r w:rsidR="00474E4B" w:rsidRPr="00474E4B">
              <w:t>ț</w:t>
            </w:r>
            <w:r w:rsidRPr="00474E4B">
              <w:t xml:space="preserve">area microîntreprinderilor </w:t>
            </w:r>
            <w:r w:rsidR="00474E4B" w:rsidRPr="00474E4B">
              <w:t>ș</w:t>
            </w:r>
            <w:r w:rsidRPr="00474E4B">
              <w:t>i a întreprinderilor sociale pentru a da curs cererilor celor care au cea mai mare nevoie de finan</w:t>
            </w:r>
            <w:r w:rsidR="00474E4B" w:rsidRPr="00474E4B">
              <w:t>ț</w:t>
            </w:r>
            <w:r w:rsidRPr="00474E4B">
              <w:t>are. Raportul Grupului operativ la nivel înalt privind investi</w:t>
            </w:r>
            <w:r w:rsidR="00474E4B" w:rsidRPr="00474E4B">
              <w:t>ț</w:t>
            </w:r>
            <w:r w:rsidRPr="00474E4B">
              <w:t>iile în infrastructura socială în Europa</w:t>
            </w:r>
            <w:r w:rsidRPr="00474E4B">
              <w:rPr>
                <w:vertAlign w:val="superscript"/>
              </w:rPr>
              <w:t>18</w:t>
            </w:r>
            <w:r w:rsidRPr="00474E4B">
              <w:t xml:space="preserve"> a </w:t>
            </w:r>
            <w:r w:rsidRPr="00474E4B">
              <w:lastRenderedPageBreak/>
              <w:t>identificat deficite în materie de investi</w:t>
            </w:r>
            <w:r w:rsidR="00474E4B" w:rsidRPr="00474E4B">
              <w:t>ț</w:t>
            </w:r>
            <w:r w:rsidRPr="00474E4B">
              <w:t xml:space="preserve">ii în infrastructură </w:t>
            </w:r>
            <w:r w:rsidR="00474E4B" w:rsidRPr="00474E4B">
              <w:t>ș</w:t>
            </w:r>
            <w:r w:rsidRPr="00474E4B">
              <w:t>i serviciile sociale, inclusiv în educa</w:t>
            </w:r>
            <w:r w:rsidR="00474E4B" w:rsidRPr="00474E4B">
              <w:t>ț</w:t>
            </w:r>
            <w:r w:rsidRPr="00474E4B">
              <w:t xml:space="preserve">ie, formare profesională, sănătate </w:t>
            </w:r>
            <w:r w:rsidR="00474E4B" w:rsidRPr="00474E4B">
              <w:t>ș</w:t>
            </w:r>
            <w:r w:rsidRPr="00474E4B">
              <w:t>i locuin</w:t>
            </w:r>
            <w:r w:rsidR="00474E4B" w:rsidRPr="00474E4B">
              <w:t>ț</w:t>
            </w:r>
            <w:r w:rsidRPr="00474E4B">
              <w:t xml:space="preserve">e, fiind necesară oferirea de sprijin, inclusiv la nivelul Uniunii. Prin urmare, puterea colectivă a capitalului public, comercial </w:t>
            </w:r>
            <w:r w:rsidR="00474E4B" w:rsidRPr="00474E4B">
              <w:t>ș</w:t>
            </w:r>
            <w:r w:rsidRPr="00474E4B">
              <w:t xml:space="preserve">i filantropic, precum </w:t>
            </w:r>
            <w:r w:rsidR="00474E4B" w:rsidRPr="00474E4B">
              <w:t>ș</w:t>
            </w:r>
            <w:r w:rsidRPr="00474E4B">
              <w:t>i sprijinul din partea funda</w:t>
            </w:r>
            <w:r w:rsidR="00474E4B" w:rsidRPr="00474E4B">
              <w:t>ț</w:t>
            </w:r>
            <w:r w:rsidRPr="00474E4B">
              <w:t>iilor ar trebui să fie valorificate pentru a sprijini dezvoltarea lan</w:t>
            </w:r>
            <w:r w:rsidR="00474E4B" w:rsidRPr="00474E4B">
              <w:t>ț</w:t>
            </w:r>
            <w:r w:rsidRPr="00474E4B">
              <w:t>ului valoric al pie</w:t>
            </w:r>
            <w:r w:rsidR="00474E4B" w:rsidRPr="00474E4B">
              <w:t>ț</w:t>
            </w:r>
            <w:r w:rsidRPr="00474E4B">
              <w:t xml:space="preserve">ei sociale </w:t>
            </w:r>
            <w:r w:rsidR="00474E4B" w:rsidRPr="00474E4B">
              <w:t>ș</w:t>
            </w:r>
            <w:r w:rsidRPr="00474E4B">
              <w:t>i o Uniune mai rezilientă.</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lastRenderedPageBreak/>
              <w:t>__________________</w:t>
            </w:r>
          </w:p>
        </w:tc>
        <w:tc>
          <w:tcPr>
            <w:tcW w:w="4876" w:type="dxa"/>
            <w:hideMark/>
          </w:tcPr>
          <w:p w:rsidR="00CC45A9" w:rsidRPr="00474E4B" w:rsidRDefault="00CC45A9" w:rsidP="001D1851">
            <w:pPr>
              <w:pStyle w:val="Normal6"/>
              <w:rPr>
                <w:noProof/>
                <w:szCs w:val="24"/>
              </w:rPr>
            </w:pPr>
            <w:r w:rsidRPr="00474E4B">
              <w:t>__________________</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rPr>
                <w:vertAlign w:val="superscript"/>
              </w:rPr>
              <w:t>16</w:t>
            </w:r>
            <w:r w:rsidRPr="00474E4B">
              <w:t xml:space="preserve"> COM(2017)0206.</w:t>
            </w:r>
          </w:p>
        </w:tc>
        <w:tc>
          <w:tcPr>
            <w:tcW w:w="4876" w:type="dxa"/>
            <w:hideMark/>
          </w:tcPr>
          <w:p w:rsidR="00CC45A9" w:rsidRPr="00474E4B" w:rsidRDefault="00CC45A9" w:rsidP="001D1851">
            <w:pPr>
              <w:pStyle w:val="Normal6"/>
              <w:rPr>
                <w:noProof/>
                <w:szCs w:val="24"/>
              </w:rPr>
            </w:pPr>
            <w:r w:rsidRPr="00474E4B">
              <w:rPr>
                <w:vertAlign w:val="superscript"/>
              </w:rPr>
              <w:t>16</w:t>
            </w:r>
            <w:r w:rsidRPr="00474E4B">
              <w:t xml:space="preserve"> COM(2017)0206.</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rPr>
                <w:vertAlign w:val="superscript"/>
              </w:rPr>
              <w:t>17</w:t>
            </w:r>
            <w:r w:rsidRPr="00474E4B">
              <w:t xml:space="preserve"> COM(2017)0250.</w:t>
            </w:r>
          </w:p>
        </w:tc>
        <w:tc>
          <w:tcPr>
            <w:tcW w:w="4876" w:type="dxa"/>
            <w:hideMark/>
          </w:tcPr>
          <w:p w:rsidR="00CC45A9" w:rsidRPr="00474E4B" w:rsidRDefault="00CC45A9" w:rsidP="001D1851">
            <w:pPr>
              <w:pStyle w:val="Normal6"/>
              <w:rPr>
                <w:noProof/>
                <w:szCs w:val="24"/>
              </w:rPr>
            </w:pPr>
            <w:r w:rsidRPr="00474E4B">
              <w:rPr>
                <w:vertAlign w:val="superscript"/>
              </w:rPr>
              <w:t>17</w:t>
            </w:r>
            <w:r w:rsidRPr="00474E4B">
              <w:t xml:space="preserve"> COM(2017)0250.</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rPr>
                <w:vertAlign w:val="superscript"/>
              </w:rPr>
              <w:t>18</w:t>
            </w:r>
            <w:r w:rsidRPr="00474E4B">
              <w:t xml:space="preserve"> Publicat ca Document de reflec</w:t>
            </w:r>
            <w:r w:rsidR="00474E4B" w:rsidRPr="00474E4B">
              <w:t>ț</w:t>
            </w:r>
            <w:r w:rsidRPr="00474E4B">
              <w:t>ie privind economia europeană 074 în ianuarie 2018.</w:t>
            </w:r>
          </w:p>
        </w:tc>
        <w:tc>
          <w:tcPr>
            <w:tcW w:w="4876" w:type="dxa"/>
            <w:hideMark/>
          </w:tcPr>
          <w:p w:rsidR="00CC45A9" w:rsidRPr="00474E4B" w:rsidRDefault="00CC45A9" w:rsidP="001D1851">
            <w:pPr>
              <w:pStyle w:val="Normal6"/>
              <w:rPr>
                <w:noProof/>
                <w:szCs w:val="24"/>
              </w:rPr>
            </w:pPr>
            <w:r w:rsidRPr="00474E4B">
              <w:rPr>
                <w:vertAlign w:val="superscript"/>
              </w:rPr>
              <w:t>18</w:t>
            </w:r>
            <w:r w:rsidRPr="00474E4B">
              <w:t xml:space="preserve"> Publicat ca Document de reflec</w:t>
            </w:r>
            <w:r w:rsidR="00474E4B" w:rsidRPr="00474E4B">
              <w:t>ț</w:t>
            </w:r>
            <w:r w:rsidRPr="00474E4B">
              <w:t>ie privind economia europeană 074 în ianuarie 2018.</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18</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Considerentul 19</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19)</w:t>
            </w:r>
            <w:r w:rsidRPr="00474E4B">
              <w:tab/>
              <w:t xml:space="preserve">Fiecare componentă de politică ar trebui să fie formată din două compartimente, </w:t>
            </w:r>
            <w:r w:rsidR="00474E4B" w:rsidRPr="00474E4B">
              <w:t>ș</w:t>
            </w:r>
            <w:r w:rsidRPr="00474E4B">
              <w:t xml:space="preserve">i anume un compartiment pentru UE </w:t>
            </w:r>
            <w:r w:rsidR="00474E4B" w:rsidRPr="00474E4B">
              <w:t>ș</w:t>
            </w:r>
            <w:r w:rsidRPr="00474E4B">
              <w:t>i un compartiment pentru statele membre. Compartimentul pentru UE ar trebui să remedieze în mod propor</w:t>
            </w:r>
            <w:r w:rsidR="00474E4B" w:rsidRPr="00474E4B">
              <w:t>ț</w:t>
            </w:r>
            <w:r w:rsidRPr="00474E4B">
              <w:t>ional disfunc</w:t>
            </w:r>
            <w:r w:rsidR="00474E4B" w:rsidRPr="00474E4B">
              <w:t>ț</w:t>
            </w:r>
            <w:r w:rsidRPr="00474E4B">
              <w:t>ionalită</w:t>
            </w:r>
            <w:r w:rsidR="00474E4B" w:rsidRPr="00474E4B">
              <w:t>ț</w:t>
            </w:r>
            <w:r w:rsidRPr="00474E4B">
              <w:t>ile de pia</w:t>
            </w:r>
            <w:r w:rsidR="00474E4B" w:rsidRPr="00474E4B">
              <w:t>ț</w:t>
            </w:r>
            <w:r w:rsidRPr="00474E4B">
              <w:t>ă sau situa</w:t>
            </w:r>
            <w:r w:rsidR="00474E4B" w:rsidRPr="00474E4B">
              <w:t>ț</w:t>
            </w:r>
            <w:r w:rsidRPr="00474E4B">
              <w:t>iile de investi</w:t>
            </w:r>
            <w:r w:rsidR="00474E4B" w:rsidRPr="00474E4B">
              <w:t>ț</w:t>
            </w:r>
            <w:r w:rsidRPr="00474E4B">
              <w:t>ii suboptime de la nivelul Uniunii; măsurile sprijinite ar trebui să aibă o valoare adăugată europeană clară. Compartimentul pentru statele membre ar trebui să le ofere statelor membre posibilitatea de a contribui cu o cotă din resursele lor din fondurile care fac obiectul gestiunii partajate la provizionarea garan</w:t>
            </w:r>
            <w:r w:rsidR="00474E4B" w:rsidRPr="00474E4B">
              <w:t>ț</w:t>
            </w:r>
            <w:r w:rsidRPr="00474E4B">
              <w:t>iei UE pentru a o utiliza în opera</w:t>
            </w:r>
            <w:r w:rsidR="00474E4B" w:rsidRPr="00474E4B">
              <w:t>ț</w:t>
            </w:r>
            <w:r w:rsidRPr="00474E4B">
              <w:t>iuni de finan</w:t>
            </w:r>
            <w:r w:rsidR="00474E4B" w:rsidRPr="00474E4B">
              <w:t>ț</w:t>
            </w:r>
            <w:r w:rsidRPr="00474E4B">
              <w:t>are sau în materie de investi</w:t>
            </w:r>
            <w:r w:rsidR="00474E4B" w:rsidRPr="00474E4B">
              <w:t>ț</w:t>
            </w:r>
            <w:r w:rsidRPr="00474E4B">
              <w:t>ii care să remedieze disfunc</w:t>
            </w:r>
            <w:r w:rsidR="00474E4B" w:rsidRPr="00474E4B">
              <w:t>ț</w:t>
            </w:r>
            <w:r w:rsidRPr="00474E4B">
              <w:t>ionalită</w:t>
            </w:r>
            <w:r w:rsidR="00474E4B" w:rsidRPr="00474E4B">
              <w:t>ț</w:t>
            </w:r>
            <w:r w:rsidRPr="00474E4B">
              <w:t>i specifice ale pie</w:t>
            </w:r>
            <w:r w:rsidR="00474E4B" w:rsidRPr="00474E4B">
              <w:t>ț</w:t>
            </w:r>
            <w:r w:rsidRPr="00474E4B">
              <w:t>ei sau situa</w:t>
            </w:r>
            <w:r w:rsidR="00474E4B" w:rsidRPr="00474E4B">
              <w:t>ț</w:t>
            </w:r>
            <w:r w:rsidRPr="00474E4B">
              <w:t>iile de investi</w:t>
            </w:r>
            <w:r w:rsidR="00474E4B" w:rsidRPr="00474E4B">
              <w:t>ț</w:t>
            </w:r>
            <w:r w:rsidRPr="00474E4B">
              <w:t xml:space="preserve">ii suboptime de pe teritoriul lor, inclusiv în zonele vulnerabile </w:t>
            </w:r>
            <w:r w:rsidR="00474E4B" w:rsidRPr="00474E4B">
              <w:t>ș</w:t>
            </w:r>
            <w:r w:rsidRPr="00474E4B">
              <w:t xml:space="preserve">i izolate, cum ar fi regiunile </w:t>
            </w:r>
            <w:r w:rsidRPr="00474E4B">
              <w:lastRenderedPageBreak/>
              <w:t>ultraperiferice ale Uniunii, astfel încât să fie îndeplinite obiectivele fondului care face obiectul gestiunii partajate. Ac</w:t>
            </w:r>
            <w:r w:rsidR="00474E4B" w:rsidRPr="00474E4B">
              <w:t>ț</w:t>
            </w:r>
            <w:r w:rsidRPr="00474E4B">
              <w:t>iunile sprijinite din Fondul InvestEU prin intermediul compartimentului UE sau al statelor membre nu ar trebui să dubleze sau să elimine finan</w:t>
            </w:r>
            <w:r w:rsidR="00474E4B" w:rsidRPr="00474E4B">
              <w:t>ț</w:t>
            </w:r>
            <w:r w:rsidRPr="00474E4B">
              <w:t>area privată ori să denatureze concuren</w:t>
            </w:r>
            <w:r w:rsidR="00474E4B" w:rsidRPr="00474E4B">
              <w:t>ț</w:t>
            </w:r>
            <w:r w:rsidRPr="00474E4B">
              <w:t>a pe pia</w:t>
            </w:r>
            <w:r w:rsidR="00474E4B" w:rsidRPr="00474E4B">
              <w:t>ț</w:t>
            </w:r>
            <w:r w:rsidRPr="00474E4B">
              <w:t>a internă.</w:t>
            </w:r>
          </w:p>
        </w:tc>
        <w:tc>
          <w:tcPr>
            <w:tcW w:w="4876" w:type="dxa"/>
          </w:tcPr>
          <w:p w:rsidR="00CC45A9" w:rsidRPr="00474E4B" w:rsidRDefault="00CC45A9" w:rsidP="001D1851">
            <w:pPr>
              <w:pStyle w:val="Normal6"/>
              <w:rPr>
                <w:noProof/>
              </w:rPr>
            </w:pPr>
            <w:r w:rsidRPr="00474E4B">
              <w:lastRenderedPageBreak/>
              <w:t>(19)</w:t>
            </w:r>
            <w:r w:rsidRPr="00474E4B">
              <w:tab/>
              <w:t xml:space="preserve">Fiecare componentă de politică ar trebui să fie formată din două compartimente, </w:t>
            </w:r>
            <w:r w:rsidR="00474E4B" w:rsidRPr="00474E4B">
              <w:t>ș</w:t>
            </w:r>
            <w:r w:rsidRPr="00474E4B">
              <w:t xml:space="preserve">i anume un compartiment pentru UE </w:t>
            </w:r>
            <w:r w:rsidR="00474E4B" w:rsidRPr="00474E4B">
              <w:t>ș</w:t>
            </w:r>
            <w:r w:rsidRPr="00474E4B">
              <w:t>i un compartiment pentru statele membre. Compartimentul pentru UE ar trebui să remedieze în mod propor</w:t>
            </w:r>
            <w:r w:rsidR="00474E4B" w:rsidRPr="00474E4B">
              <w:t>ț</w:t>
            </w:r>
            <w:r w:rsidRPr="00474E4B">
              <w:t>ional disfunc</w:t>
            </w:r>
            <w:r w:rsidR="00474E4B" w:rsidRPr="00474E4B">
              <w:t>ț</w:t>
            </w:r>
            <w:r w:rsidRPr="00474E4B">
              <w:t>ionalită</w:t>
            </w:r>
            <w:r w:rsidR="00474E4B" w:rsidRPr="00474E4B">
              <w:t>ț</w:t>
            </w:r>
            <w:r w:rsidRPr="00474E4B">
              <w:t>ile de pia</w:t>
            </w:r>
            <w:r w:rsidR="00474E4B" w:rsidRPr="00474E4B">
              <w:t>ț</w:t>
            </w:r>
            <w:r w:rsidRPr="00474E4B">
              <w:t>ă</w:t>
            </w:r>
            <w:r w:rsidRPr="00474E4B">
              <w:rPr>
                <w:b/>
                <w:i/>
              </w:rPr>
              <w:t>, în special în cazul proiectelor transfrontaliere,</w:t>
            </w:r>
            <w:r w:rsidRPr="00474E4B">
              <w:t xml:space="preserve"> sau situa</w:t>
            </w:r>
            <w:r w:rsidR="00474E4B" w:rsidRPr="00474E4B">
              <w:t>ț</w:t>
            </w:r>
            <w:r w:rsidRPr="00474E4B">
              <w:t>iile de investi</w:t>
            </w:r>
            <w:r w:rsidR="00474E4B" w:rsidRPr="00474E4B">
              <w:t>ț</w:t>
            </w:r>
            <w:r w:rsidRPr="00474E4B">
              <w:t>ii suboptime de la nivelul Uniunii; măsurile sprijinite ar trebui să aibă o valoare adăugată europeană clară. Compartimentul pentru statele membre ar trebui să le ofere statelor membre posibilitatea de a contribui cu o cotă din resursele lor din fondurile care fac obiectul gestiunii partajate la provizionarea garan</w:t>
            </w:r>
            <w:r w:rsidR="00474E4B" w:rsidRPr="00474E4B">
              <w:t>ț</w:t>
            </w:r>
            <w:r w:rsidRPr="00474E4B">
              <w:t>iei UE pentru a o utiliza în opera</w:t>
            </w:r>
            <w:r w:rsidR="00474E4B" w:rsidRPr="00474E4B">
              <w:t>ț</w:t>
            </w:r>
            <w:r w:rsidRPr="00474E4B">
              <w:t>iuni de finan</w:t>
            </w:r>
            <w:r w:rsidR="00474E4B" w:rsidRPr="00474E4B">
              <w:t>ț</w:t>
            </w:r>
            <w:r w:rsidRPr="00474E4B">
              <w:t>are sau în materie de investi</w:t>
            </w:r>
            <w:r w:rsidR="00474E4B" w:rsidRPr="00474E4B">
              <w:t>ț</w:t>
            </w:r>
            <w:r w:rsidRPr="00474E4B">
              <w:t>ii care să remedieze disfunc</w:t>
            </w:r>
            <w:r w:rsidR="00474E4B" w:rsidRPr="00474E4B">
              <w:t>ț</w:t>
            </w:r>
            <w:r w:rsidRPr="00474E4B">
              <w:t>ionalită</w:t>
            </w:r>
            <w:r w:rsidR="00474E4B" w:rsidRPr="00474E4B">
              <w:t>ț</w:t>
            </w:r>
            <w:r w:rsidRPr="00474E4B">
              <w:t>i specifice ale pie</w:t>
            </w:r>
            <w:r w:rsidR="00474E4B" w:rsidRPr="00474E4B">
              <w:t>ț</w:t>
            </w:r>
            <w:r w:rsidRPr="00474E4B">
              <w:t>ei sau situa</w:t>
            </w:r>
            <w:r w:rsidR="00474E4B" w:rsidRPr="00474E4B">
              <w:t>ț</w:t>
            </w:r>
            <w:r w:rsidRPr="00474E4B">
              <w:t>iile de investi</w:t>
            </w:r>
            <w:r w:rsidR="00474E4B" w:rsidRPr="00474E4B">
              <w:t>ț</w:t>
            </w:r>
            <w:r w:rsidRPr="00474E4B">
              <w:t xml:space="preserve">ii suboptime de pe </w:t>
            </w:r>
            <w:r w:rsidRPr="00474E4B">
              <w:lastRenderedPageBreak/>
              <w:t xml:space="preserve">teritoriul lor, inclusiv în zonele vulnerabile </w:t>
            </w:r>
            <w:r w:rsidR="00474E4B" w:rsidRPr="00474E4B">
              <w:t>ș</w:t>
            </w:r>
            <w:r w:rsidRPr="00474E4B">
              <w:t>i izolate, cum ar fi regiunile ultraperiferice ale Uniunii, astfel încât să fie îndeplinite obiectivele fondului care face obiectul gestiunii partajate. Ac</w:t>
            </w:r>
            <w:r w:rsidR="00474E4B" w:rsidRPr="00474E4B">
              <w:t>ț</w:t>
            </w:r>
            <w:r w:rsidRPr="00474E4B">
              <w:t>iunile sprijinite din Fondul InvestEU prin intermediul compartimentului UE sau al statelor membre nu ar trebui să dubleze sau să elimine finan</w:t>
            </w:r>
            <w:r w:rsidR="00474E4B" w:rsidRPr="00474E4B">
              <w:t>ț</w:t>
            </w:r>
            <w:r w:rsidRPr="00474E4B">
              <w:t>area privată ori să denatureze concuren</w:t>
            </w:r>
            <w:r w:rsidR="00474E4B" w:rsidRPr="00474E4B">
              <w:t>ț</w:t>
            </w:r>
            <w:r w:rsidRPr="00474E4B">
              <w:t>a pe pia</w:t>
            </w:r>
            <w:r w:rsidR="00474E4B" w:rsidRPr="00474E4B">
              <w:t>ț</w:t>
            </w:r>
            <w:r w:rsidRPr="00474E4B">
              <w:t>a internă.</w:t>
            </w:r>
          </w:p>
        </w:tc>
      </w:tr>
    </w:tbl>
    <w:p w:rsidR="00CC45A9" w:rsidRPr="00474E4B" w:rsidRDefault="00CC45A9" w:rsidP="00CC45A9">
      <w:pPr>
        <w:rPr>
          <w:noProof/>
        </w:rPr>
      </w:pPr>
      <w:r w:rsidRPr="00474E4B">
        <w:rPr>
          <w:rStyle w:val="HideTWBExt"/>
        </w:rPr>
        <w:lastRenderedPageBreak/>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19</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Considerentul 24</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24)</w:t>
            </w:r>
            <w:r w:rsidRPr="00474E4B">
              <w:tab/>
              <w:t>Garan</w:t>
            </w:r>
            <w:r w:rsidR="00474E4B" w:rsidRPr="00474E4B">
              <w:t>ț</w:t>
            </w:r>
            <w:r w:rsidRPr="00474E4B">
              <w:t xml:space="preserve">ia UE care stă la baza Fondului InvestEU ar trebui să fie executată indirect de către Comisie, bazându-se pe partenerii de implementare, care sunt în contact cu beneficiarii finali. Ar trebui încheiat între Comisie </w:t>
            </w:r>
            <w:r w:rsidR="00474E4B" w:rsidRPr="00474E4B">
              <w:t>ș</w:t>
            </w:r>
            <w:r w:rsidRPr="00474E4B">
              <w:t>i fiecare partener de implementare un acord de garantare de alocare a capacită</w:t>
            </w:r>
            <w:r w:rsidR="00474E4B" w:rsidRPr="00474E4B">
              <w:t>ț</w:t>
            </w:r>
            <w:r w:rsidRPr="00474E4B">
              <w:t>ii de garantare a Fondului InvestEU pentru a sprijini opera</w:t>
            </w:r>
            <w:r w:rsidR="00474E4B" w:rsidRPr="00474E4B">
              <w:t>ț</w:t>
            </w:r>
            <w:r w:rsidRPr="00474E4B">
              <w:t>iunile de finan</w:t>
            </w:r>
            <w:r w:rsidR="00474E4B" w:rsidRPr="00474E4B">
              <w:t>ț</w:t>
            </w:r>
            <w:r w:rsidRPr="00474E4B">
              <w:t xml:space="preserve">are </w:t>
            </w:r>
            <w:r w:rsidR="00474E4B" w:rsidRPr="00474E4B">
              <w:t>ș</w:t>
            </w:r>
            <w:r w:rsidRPr="00474E4B">
              <w:t>i în materie de investi</w:t>
            </w:r>
            <w:r w:rsidR="00474E4B" w:rsidRPr="00474E4B">
              <w:t>ț</w:t>
            </w:r>
            <w:r w:rsidRPr="00474E4B">
              <w:t xml:space="preserve">ii care îndeplinesc obiectivele Fondului InvestEU </w:t>
            </w:r>
            <w:r w:rsidR="00474E4B" w:rsidRPr="00474E4B">
              <w:t>ș</w:t>
            </w:r>
            <w:r w:rsidRPr="00474E4B">
              <w:t>i criteriile de eligibilitate. Fondul InvestEU ar trebui dotat cu o structură specifică de guvernan</w:t>
            </w:r>
            <w:r w:rsidR="00474E4B" w:rsidRPr="00474E4B">
              <w:t>ț</w:t>
            </w:r>
            <w:r w:rsidRPr="00474E4B">
              <w:t>ă pentru a garanta utilizarea corespunzătoare a garan</w:t>
            </w:r>
            <w:r w:rsidR="00474E4B" w:rsidRPr="00474E4B">
              <w:t>ț</w:t>
            </w:r>
            <w:r w:rsidRPr="00474E4B">
              <w:t>iei UE.</w:t>
            </w:r>
          </w:p>
        </w:tc>
        <w:tc>
          <w:tcPr>
            <w:tcW w:w="4876" w:type="dxa"/>
          </w:tcPr>
          <w:p w:rsidR="00CC45A9" w:rsidRPr="00474E4B" w:rsidRDefault="00CC45A9" w:rsidP="001D1851">
            <w:pPr>
              <w:pStyle w:val="Normal6"/>
              <w:rPr>
                <w:noProof/>
              </w:rPr>
            </w:pPr>
            <w:r w:rsidRPr="00474E4B">
              <w:t>(24)</w:t>
            </w:r>
            <w:r w:rsidRPr="00474E4B">
              <w:tab/>
              <w:t>Garan</w:t>
            </w:r>
            <w:r w:rsidR="00474E4B" w:rsidRPr="00474E4B">
              <w:t>ț</w:t>
            </w:r>
            <w:r w:rsidRPr="00474E4B">
              <w:t xml:space="preserve">ia UE care stă la baza Fondului InvestEU ar trebui să fie executată indirect de către Comisie, bazându-se pe partenerii de implementare, care sunt în contact cu beneficiarii finali. Ar trebui încheiat între Comisie </w:t>
            </w:r>
            <w:r w:rsidR="00474E4B" w:rsidRPr="00474E4B">
              <w:t>ș</w:t>
            </w:r>
            <w:r w:rsidRPr="00474E4B">
              <w:t>i fiecare partener de implementare un acord de garantare de alocare a capacită</w:t>
            </w:r>
            <w:r w:rsidR="00474E4B" w:rsidRPr="00474E4B">
              <w:t>ț</w:t>
            </w:r>
            <w:r w:rsidRPr="00474E4B">
              <w:t>ii de garantare a Fondului InvestEU pentru a sprijini opera</w:t>
            </w:r>
            <w:r w:rsidR="00474E4B" w:rsidRPr="00474E4B">
              <w:t>ț</w:t>
            </w:r>
            <w:r w:rsidRPr="00474E4B">
              <w:t>iunile de finan</w:t>
            </w:r>
            <w:r w:rsidR="00474E4B" w:rsidRPr="00474E4B">
              <w:t>ț</w:t>
            </w:r>
            <w:r w:rsidRPr="00474E4B">
              <w:t xml:space="preserve">are </w:t>
            </w:r>
            <w:r w:rsidR="00474E4B" w:rsidRPr="00474E4B">
              <w:t>ș</w:t>
            </w:r>
            <w:r w:rsidRPr="00474E4B">
              <w:t>i în materie de investi</w:t>
            </w:r>
            <w:r w:rsidR="00474E4B" w:rsidRPr="00474E4B">
              <w:t>ț</w:t>
            </w:r>
            <w:r w:rsidRPr="00474E4B">
              <w:t xml:space="preserve">ii care îndeplinesc obiectivele Fondului InvestEU </w:t>
            </w:r>
            <w:r w:rsidR="00474E4B" w:rsidRPr="00474E4B">
              <w:t>ș</w:t>
            </w:r>
            <w:r w:rsidRPr="00474E4B">
              <w:t>i criteriile de eligibilitate. Fondul InvestEU ar trebui dotat cu o structură specifică de guvernan</w:t>
            </w:r>
            <w:r w:rsidR="00474E4B" w:rsidRPr="00474E4B">
              <w:t>ț</w:t>
            </w:r>
            <w:r w:rsidRPr="00474E4B">
              <w:t>ă pentru a garanta utilizarea corespunzătoare a garan</w:t>
            </w:r>
            <w:r w:rsidR="00474E4B" w:rsidRPr="00474E4B">
              <w:t>ț</w:t>
            </w:r>
            <w:r w:rsidRPr="00474E4B">
              <w:t>iei UE</w:t>
            </w:r>
            <w:r w:rsidRPr="00474E4B">
              <w:rPr>
                <w:b/>
                <w:i/>
              </w:rPr>
              <w:t>, dar fără a genera o birocra</w:t>
            </w:r>
            <w:r w:rsidR="00474E4B" w:rsidRPr="00474E4B">
              <w:rPr>
                <w:b/>
                <w:i/>
              </w:rPr>
              <w:t>ț</w:t>
            </w:r>
            <w:r w:rsidRPr="00474E4B">
              <w:rPr>
                <w:b/>
                <w:i/>
              </w:rPr>
              <w:t>ie excesivă</w:t>
            </w:r>
            <w:r w:rsidRPr="00474E4B">
              <w:t>.</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20</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Considerentul 30</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30)</w:t>
            </w:r>
            <w:r w:rsidRPr="00474E4B">
              <w:tab/>
              <w:t>Pentru a garanta faptul că interven</w:t>
            </w:r>
            <w:r w:rsidR="00474E4B" w:rsidRPr="00474E4B">
              <w:t>ț</w:t>
            </w:r>
            <w:r w:rsidRPr="00474E4B">
              <w:t>iile efectuate în cadrul compartimentului pentru UE al Fondului InvestEU vizează disfunc</w:t>
            </w:r>
            <w:r w:rsidR="00474E4B" w:rsidRPr="00474E4B">
              <w:t>ț</w:t>
            </w:r>
            <w:r w:rsidRPr="00474E4B">
              <w:t>ionalită</w:t>
            </w:r>
            <w:r w:rsidR="00474E4B" w:rsidRPr="00474E4B">
              <w:t>ț</w:t>
            </w:r>
            <w:r w:rsidRPr="00474E4B">
              <w:t>ile pie</w:t>
            </w:r>
            <w:r w:rsidR="00474E4B" w:rsidRPr="00474E4B">
              <w:t>ț</w:t>
            </w:r>
            <w:r w:rsidRPr="00474E4B">
              <w:t xml:space="preserve">ei </w:t>
            </w:r>
            <w:r w:rsidR="00474E4B" w:rsidRPr="00474E4B">
              <w:lastRenderedPageBreak/>
              <w:t>ș</w:t>
            </w:r>
            <w:r w:rsidRPr="00474E4B">
              <w:t>i situa</w:t>
            </w:r>
            <w:r w:rsidR="00474E4B" w:rsidRPr="00474E4B">
              <w:t>ț</w:t>
            </w:r>
            <w:r w:rsidRPr="00474E4B">
              <w:t>iile de investi</w:t>
            </w:r>
            <w:r w:rsidR="00474E4B" w:rsidRPr="00474E4B">
              <w:t>ț</w:t>
            </w:r>
            <w:r w:rsidRPr="00474E4B">
              <w:t>ii suboptime de la nivelul Uniunii, dar să îndeplinească în acela</w:t>
            </w:r>
            <w:r w:rsidR="00474E4B" w:rsidRPr="00474E4B">
              <w:t>ș</w:t>
            </w:r>
            <w:r w:rsidRPr="00474E4B">
              <w:t>i timp obiectivele cu cea mai bună acoperire geografică posibilă, garan</w:t>
            </w:r>
            <w:r w:rsidR="00474E4B" w:rsidRPr="00474E4B">
              <w:t>ț</w:t>
            </w:r>
            <w:r w:rsidRPr="00474E4B">
              <w:t>ia UE ar trebui alocată partenerilor de implementare care pot acoperi cel pu</w:t>
            </w:r>
            <w:r w:rsidR="00474E4B" w:rsidRPr="00474E4B">
              <w:t>ț</w:t>
            </w:r>
            <w:r w:rsidRPr="00474E4B">
              <w:t xml:space="preserve">in </w:t>
            </w:r>
            <w:r w:rsidRPr="00474E4B">
              <w:rPr>
                <w:b/>
                <w:i/>
              </w:rPr>
              <w:t>trei</w:t>
            </w:r>
            <w:r w:rsidRPr="00474E4B">
              <w:t xml:space="preserve"> state membre, singuri sau împreună cu al</w:t>
            </w:r>
            <w:r w:rsidR="00474E4B" w:rsidRPr="00474E4B">
              <w:t>ț</w:t>
            </w:r>
            <w:r w:rsidRPr="00474E4B">
              <w:t>i parteneri de implementare. Cu toate acestea, se estimează faptul că aproximativ 75 % din garan</w:t>
            </w:r>
            <w:r w:rsidR="00474E4B" w:rsidRPr="00474E4B">
              <w:t>ț</w:t>
            </w:r>
            <w:r w:rsidRPr="00474E4B">
              <w:t>ia UE în cadrul compartimentului UE ar fi alocată partenerului sau partenerilor de implementare care va putea oferi produse financiare în cadrul Fondului InvestEU în toate statele membre.</w:t>
            </w:r>
          </w:p>
        </w:tc>
        <w:tc>
          <w:tcPr>
            <w:tcW w:w="4876" w:type="dxa"/>
          </w:tcPr>
          <w:p w:rsidR="00CC45A9" w:rsidRPr="00474E4B" w:rsidRDefault="00CC45A9" w:rsidP="001D1851">
            <w:pPr>
              <w:pStyle w:val="Normal6"/>
              <w:rPr>
                <w:noProof/>
              </w:rPr>
            </w:pPr>
            <w:r w:rsidRPr="00474E4B">
              <w:lastRenderedPageBreak/>
              <w:t>(30)</w:t>
            </w:r>
            <w:r w:rsidRPr="00474E4B">
              <w:tab/>
              <w:t>Pentru a garanta faptul că interven</w:t>
            </w:r>
            <w:r w:rsidR="00474E4B" w:rsidRPr="00474E4B">
              <w:t>ț</w:t>
            </w:r>
            <w:r w:rsidRPr="00474E4B">
              <w:t>iile efectuate în cadrul compartimentului pentru UE al Fondului InvestEU vizează disfunc</w:t>
            </w:r>
            <w:r w:rsidR="00474E4B" w:rsidRPr="00474E4B">
              <w:t>ț</w:t>
            </w:r>
            <w:r w:rsidRPr="00474E4B">
              <w:t>ionalită</w:t>
            </w:r>
            <w:r w:rsidR="00474E4B" w:rsidRPr="00474E4B">
              <w:t>ț</w:t>
            </w:r>
            <w:r w:rsidRPr="00474E4B">
              <w:t>ile pie</w:t>
            </w:r>
            <w:r w:rsidR="00474E4B" w:rsidRPr="00474E4B">
              <w:t>ț</w:t>
            </w:r>
            <w:r w:rsidRPr="00474E4B">
              <w:t xml:space="preserve">ei </w:t>
            </w:r>
            <w:r w:rsidR="00474E4B" w:rsidRPr="00474E4B">
              <w:lastRenderedPageBreak/>
              <w:t>ș</w:t>
            </w:r>
            <w:r w:rsidRPr="00474E4B">
              <w:t>i situa</w:t>
            </w:r>
            <w:r w:rsidR="00474E4B" w:rsidRPr="00474E4B">
              <w:t>ț</w:t>
            </w:r>
            <w:r w:rsidRPr="00474E4B">
              <w:t>iile de investi</w:t>
            </w:r>
            <w:r w:rsidR="00474E4B" w:rsidRPr="00474E4B">
              <w:t>ț</w:t>
            </w:r>
            <w:r w:rsidRPr="00474E4B">
              <w:t>ii suboptime de la nivelul Uniunii, dar să îndeplinească în acela</w:t>
            </w:r>
            <w:r w:rsidR="00474E4B" w:rsidRPr="00474E4B">
              <w:t>ș</w:t>
            </w:r>
            <w:r w:rsidRPr="00474E4B">
              <w:t>i timp obiectivele cu cea mai bună acoperire geografică posibilă, garan</w:t>
            </w:r>
            <w:r w:rsidR="00474E4B" w:rsidRPr="00474E4B">
              <w:t>ț</w:t>
            </w:r>
            <w:r w:rsidRPr="00474E4B">
              <w:t>ia UE ar trebui alocată partenerilor de implementare care pot acoperi cel pu</w:t>
            </w:r>
            <w:r w:rsidR="00474E4B" w:rsidRPr="00474E4B">
              <w:t>ț</w:t>
            </w:r>
            <w:r w:rsidRPr="00474E4B">
              <w:t xml:space="preserve">in </w:t>
            </w:r>
            <w:r w:rsidRPr="00474E4B">
              <w:rPr>
                <w:b/>
                <w:i/>
              </w:rPr>
              <w:t>două</w:t>
            </w:r>
            <w:r w:rsidRPr="00474E4B">
              <w:t xml:space="preserve"> state membre, singuri sau împreună cu al</w:t>
            </w:r>
            <w:r w:rsidR="00474E4B" w:rsidRPr="00474E4B">
              <w:t>ț</w:t>
            </w:r>
            <w:r w:rsidRPr="00474E4B">
              <w:t>i parteneri de implementare. Cu toate acestea, se estimează faptul că aproximativ 75 % din garan</w:t>
            </w:r>
            <w:r w:rsidR="00474E4B" w:rsidRPr="00474E4B">
              <w:t>ț</w:t>
            </w:r>
            <w:r w:rsidRPr="00474E4B">
              <w:t>ia UE în cadrul compartimentului UE ar fi alocată partenerului sau partenerilor de implementare care va putea oferi produse financiare în cadrul Fondului InvestEU în toate statele membre.</w:t>
            </w:r>
          </w:p>
        </w:tc>
      </w:tr>
    </w:tbl>
    <w:p w:rsidR="00CC45A9" w:rsidRPr="00474E4B" w:rsidRDefault="00CC45A9" w:rsidP="00CC45A9">
      <w:pPr>
        <w:rPr>
          <w:noProof/>
        </w:rPr>
      </w:pPr>
      <w:r w:rsidRPr="00474E4B">
        <w:rPr>
          <w:rStyle w:val="HideTWBExt"/>
        </w:rPr>
        <w:lastRenderedPageBreak/>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21</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Considerentul 33</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33)</w:t>
            </w:r>
            <w:r w:rsidRPr="00474E4B">
              <w:tab/>
              <w:t xml:space="preserve">Fondul InvestEU ar trebui, dacă este cazul, să permită o combinare fără impedimente </w:t>
            </w:r>
            <w:r w:rsidR="00474E4B" w:rsidRPr="00474E4B">
              <w:t>ș</w:t>
            </w:r>
            <w:r w:rsidRPr="00474E4B">
              <w:t>i eficace a granturilor sau a instrumentelor financiare sau a ambelor, finan</w:t>
            </w:r>
            <w:r w:rsidR="00474E4B" w:rsidRPr="00474E4B">
              <w:t>ț</w:t>
            </w:r>
            <w:r w:rsidRPr="00474E4B">
              <w:t>ate din bugetul Uniunii sau din Fondul de inovare al sistemului UE de comercializare a certificatelor de emisii (ETS) cu acea garan</w:t>
            </w:r>
            <w:r w:rsidR="00474E4B" w:rsidRPr="00474E4B">
              <w:t>ț</w:t>
            </w:r>
            <w:r w:rsidRPr="00474E4B">
              <w:t>ie în situa</w:t>
            </w:r>
            <w:r w:rsidR="00474E4B" w:rsidRPr="00474E4B">
              <w:t>ț</w:t>
            </w:r>
            <w:r w:rsidRPr="00474E4B">
              <w:t>iile în care este necesară o mai bună sprijinire a investi</w:t>
            </w:r>
            <w:r w:rsidR="00474E4B" w:rsidRPr="00474E4B">
              <w:t>ț</w:t>
            </w:r>
            <w:r w:rsidRPr="00474E4B">
              <w:t>iilor care vizează remedierea disfunc</w:t>
            </w:r>
            <w:r w:rsidR="00474E4B" w:rsidRPr="00474E4B">
              <w:t>ț</w:t>
            </w:r>
            <w:r w:rsidRPr="00474E4B">
              <w:t>ionalită</w:t>
            </w:r>
            <w:r w:rsidR="00474E4B" w:rsidRPr="00474E4B">
              <w:t>ț</w:t>
            </w:r>
            <w:r w:rsidRPr="00474E4B">
              <w:t>ilor specifice ale pie</w:t>
            </w:r>
            <w:r w:rsidR="00474E4B" w:rsidRPr="00474E4B">
              <w:t>ț</w:t>
            </w:r>
            <w:r w:rsidRPr="00474E4B">
              <w:t>ei sau situa</w:t>
            </w:r>
            <w:r w:rsidR="00474E4B" w:rsidRPr="00474E4B">
              <w:t>ț</w:t>
            </w:r>
            <w:r w:rsidRPr="00474E4B">
              <w:t>iile de investi</w:t>
            </w:r>
            <w:r w:rsidR="00474E4B" w:rsidRPr="00474E4B">
              <w:t>ț</w:t>
            </w:r>
            <w:r w:rsidRPr="00474E4B">
              <w:t>ii suboptime.</w:t>
            </w:r>
          </w:p>
        </w:tc>
        <w:tc>
          <w:tcPr>
            <w:tcW w:w="4876" w:type="dxa"/>
          </w:tcPr>
          <w:p w:rsidR="00CC45A9" w:rsidRPr="00474E4B" w:rsidRDefault="00CC45A9" w:rsidP="001D1851">
            <w:pPr>
              <w:pStyle w:val="Normal6"/>
              <w:rPr>
                <w:noProof/>
              </w:rPr>
            </w:pPr>
            <w:r w:rsidRPr="00474E4B">
              <w:t>(33)</w:t>
            </w:r>
            <w:r w:rsidRPr="00474E4B">
              <w:tab/>
              <w:t xml:space="preserve">Fondul InvestEU ar trebui, dacă este cazul, să permită o combinare fără impedimente </w:t>
            </w:r>
            <w:r w:rsidR="00474E4B" w:rsidRPr="00474E4B">
              <w:t>ș</w:t>
            </w:r>
            <w:r w:rsidRPr="00474E4B">
              <w:t>i eficace a granturilor sau a instrumentelor financiare sau a ambelor, finan</w:t>
            </w:r>
            <w:r w:rsidR="00474E4B" w:rsidRPr="00474E4B">
              <w:t>ț</w:t>
            </w:r>
            <w:r w:rsidRPr="00474E4B">
              <w:t xml:space="preserve">ate din bugetul Uniunii sau din </w:t>
            </w:r>
            <w:r w:rsidRPr="00474E4B">
              <w:rPr>
                <w:b/>
                <w:i/>
              </w:rPr>
              <w:t xml:space="preserve">orice alt fond ad-hoc precum </w:t>
            </w:r>
            <w:r w:rsidRPr="00474E4B">
              <w:t>Fondul de inovare al sistemului UE de comercializare a certificatelor de emisii (ETS) cu acea garan</w:t>
            </w:r>
            <w:r w:rsidR="00474E4B" w:rsidRPr="00474E4B">
              <w:t>ț</w:t>
            </w:r>
            <w:r w:rsidRPr="00474E4B">
              <w:t>ie în situa</w:t>
            </w:r>
            <w:r w:rsidR="00474E4B" w:rsidRPr="00474E4B">
              <w:t>ț</w:t>
            </w:r>
            <w:r w:rsidRPr="00474E4B">
              <w:t>iile în care este necesară o mai bună sprijinire a investi</w:t>
            </w:r>
            <w:r w:rsidR="00474E4B" w:rsidRPr="00474E4B">
              <w:t>ț</w:t>
            </w:r>
            <w:r w:rsidRPr="00474E4B">
              <w:t>iilor care vizează remedierea disfunc</w:t>
            </w:r>
            <w:r w:rsidR="00474E4B" w:rsidRPr="00474E4B">
              <w:t>ț</w:t>
            </w:r>
            <w:r w:rsidRPr="00474E4B">
              <w:t>ionalită</w:t>
            </w:r>
            <w:r w:rsidR="00474E4B" w:rsidRPr="00474E4B">
              <w:t>ț</w:t>
            </w:r>
            <w:r w:rsidRPr="00474E4B">
              <w:t>ilor specifice ale pie</w:t>
            </w:r>
            <w:r w:rsidR="00474E4B" w:rsidRPr="00474E4B">
              <w:t>ț</w:t>
            </w:r>
            <w:r w:rsidRPr="00474E4B">
              <w:t>ei sau situa</w:t>
            </w:r>
            <w:r w:rsidR="00474E4B" w:rsidRPr="00474E4B">
              <w:t>ț</w:t>
            </w:r>
            <w:r w:rsidRPr="00474E4B">
              <w:t>iile de investi</w:t>
            </w:r>
            <w:r w:rsidR="00474E4B" w:rsidRPr="00474E4B">
              <w:t>ț</w:t>
            </w:r>
            <w:r w:rsidRPr="00474E4B">
              <w:t>ii suboptime.</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22</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Considerentul 35</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35)</w:t>
            </w:r>
            <w:r w:rsidRPr="00474E4B">
              <w:tab/>
              <w:t xml:space="preserve">Platforma de consiliere InvestEU ar trebui să sprijine crearea unui flux </w:t>
            </w:r>
            <w:r w:rsidRPr="00474E4B">
              <w:rPr>
                <w:b/>
                <w:i/>
              </w:rPr>
              <w:t>robust</w:t>
            </w:r>
            <w:r w:rsidRPr="00474E4B">
              <w:t xml:space="preserve"> de proiecte de investi</w:t>
            </w:r>
            <w:r w:rsidR="00474E4B" w:rsidRPr="00474E4B">
              <w:t>ț</w:t>
            </w:r>
            <w:r w:rsidRPr="00474E4B">
              <w:t xml:space="preserve">ii în fiecare </w:t>
            </w:r>
            <w:r w:rsidRPr="00474E4B">
              <w:lastRenderedPageBreak/>
              <w:t xml:space="preserve">componentă de politică. De asemenea, ar trebui prevăzută o componentă transsectorială în cadrul Programului InvestEU care să asigure un punct unic de intrare </w:t>
            </w:r>
            <w:r w:rsidR="00474E4B" w:rsidRPr="00474E4B">
              <w:t>ș</w:t>
            </w:r>
            <w:r w:rsidRPr="00474E4B">
              <w:t>i asisten</w:t>
            </w:r>
            <w:r w:rsidR="00474E4B" w:rsidRPr="00474E4B">
              <w:t>ț</w:t>
            </w:r>
            <w:r w:rsidRPr="00474E4B">
              <w:t>ă inter-politici în elaborarea proiectelor în cazul programelor Uniunii gestionate la nivel central.</w:t>
            </w:r>
          </w:p>
        </w:tc>
        <w:tc>
          <w:tcPr>
            <w:tcW w:w="4876" w:type="dxa"/>
          </w:tcPr>
          <w:p w:rsidR="00CC45A9" w:rsidRPr="00474E4B" w:rsidRDefault="00CC45A9" w:rsidP="001D1851">
            <w:pPr>
              <w:pStyle w:val="Normal6"/>
              <w:rPr>
                <w:noProof/>
              </w:rPr>
            </w:pPr>
            <w:r w:rsidRPr="00474E4B">
              <w:lastRenderedPageBreak/>
              <w:t>(35)</w:t>
            </w:r>
            <w:r w:rsidRPr="00474E4B">
              <w:tab/>
              <w:t xml:space="preserve">Platforma de consiliere InvestEU ar trebui să sprijine crearea unui flux </w:t>
            </w:r>
            <w:r w:rsidRPr="00474E4B">
              <w:rPr>
                <w:b/>
                <w:i/>
              </w:rPr>
              <w:t>solid</w:t>
            </w:r>
            <w:r w:rsidRPr="00474E4B">
              <w:t xml:space="preserve"> de proiecte de investi</w:t>
            </w:r>
            <w:r w:rsidR="00474E4B" w:rsidRPr="00474E4B">
              <w:t>ț</w:t>
            </w:r>
            <w:r w:rsidRPr="00474E4B">
              <w:t xml:space="preserve">ii în fiecare componentă </w:t>
            </w:r>
            <w:r w:rsidRPr="00474E4B">
              <w:lastRenderedPageBreak/>
              <w:t>de politică</w:t>
            </w:r>
            <w:r w:rsidRPr="00474E4B">
              <w:rPr>
                <w:b/>
                <w:i/>
              </w:rPr>
              <w:t xml:space="preserve">, asigurând o diversificare geografică efectivă pentru a contribui la obiectivul Uniunii de coeziune economică, socială </w:t>
            </w:r>
            <w:r w:rsidR="00474E4B" w:rsidRPr="00474E4B">
              <w:rPr>
                <w:b/>
                <w:i/>
              </w:rPr>
              <w:t>ș</w:t>
            </w:r>
            <w:r w:rsidRPr="00474E4B">
              <w:rPr>
                <w:b/>
                <w:i/>
              </w:rPr>
              <w:t xml:space="preserve">i teritorială </w:t>
            </w:r>
            <w:r w:rsidR="00474E4B" w:rsidRPr="00474E4B">
              <w:rPr>
                <w:b/>
                <w:i/>
              </w:rPr>
              <w:t>ș</w:t>
            </w:r>
            <w:r w:rsidRPr="00474E4B">
              <w:rPr>
                <w:b/>
                <w:i/>
              </w:rPr>
              <w:t>i pentru a reduce disparită</w:t>
            </w:r>
            <w:r w:rsidR="00474E4B" w:rsidRPr="00474E4B">
              <w:rPr>
                <w:b/>
                <w:i/>
              </w:rPr>
              <w:t>ț</w:t>
            </w:r>
            <w:r w:rsidRPr="00474E4B">
              <w:rPr>
                <w:b/>
                <w:i/>
              </w:rPr>
              <w:t>ile regionale.</w:t>
            </w:r>
            <w:r w:rsidRPr="00474E4B">
              <w:t xml:space="preserve"> </w:t>
            </w:r>
            <w:r w:rsidRPr="00474E4B">
              <w:rPr>
                <w:b/>
                <w:i/>
              </w:rPr>
              <w:t>Platforma de consiliere ar trebui să acorde o aten</w:t>
            </w:r>
            <w:r w:rsidR="00474E4B" w:rsidRPr="00474E4B">
              <w:rPr>
                <w:b/>
                <w:i/>
              </w:rPr>
              <w:t>ț</w:t>
            </w:r>
            <w:r w:rsidRPr="00474E4B">
              <w:rPr>
                <w:b/>
                <w:i/>
              </w:rPr>
              <w:t xml:space="preserve">ie deosebită proiectelor mai mici, transfrontaliere </w:t>
            </w:r>
            <w:r w:rsidR="00474E4B" w:rsidRPr="00474E4B">
              <w:rPr>
                <w:b/>
                <w:i/>
              </w:rPr>
              <w:t>ș</w:t>
            </w:r>
            <w:r w:rsidRPr="00474E4B">
              <w:rPr>
                <w:b/>
                <w:i/>
              </w:rPr>
              <w:t>i cu o valoare adăugată europeană</w:t>
            </w:r>
            <w:r w:rsidRPr="00474E4B">
              <w:t xml:space="preserve">. De asemenea, ar trebui prevăzută o componentă transsectorială în cadrul Programului InvestEU care să asigure un punct unic de intrare </w:t>
            </w:r>
            <w:r w:rsidR="00474E4B" w:rsidRPr="00474E4B">
              <w:t>ș</w:t>
            </w:r>
            <w:r w:rsidRPr="00474E4B">
              <w:t>i asisten</w:t>
            </w:r>
            <w:r w:rsidR="00474E4B" w:rsidRPr="00474E4B">
              <w:t>ț</w:t>
            </w:r>
            <w:r w:rsidRPr="00474E4B">
              <w:t>ă inter-politici în elaborarea proiectelor în cazul programelor Uniunii gestionate la nivel central.</w:t>
            </w:r>
          </w:p>
        </w:tc>
      </w:tr>
    </w:tbl>
    <w:p w:rsidR="00CC45A9" w:rsidRPr="00474E4B" w:rsidRDefault="00CC45A9" w:rsidP="00CC45A9">
      <w:pPr>
        <w:rPr>
          <w:noProof/>
        </w:rPr>
      </w:pPr>
      <w:r w:rsidRPr="00474E4B">
        <w:rPr>
          <w:rStyle w:val="HideTWBExt"/>
        </w:rPr>
        <w:lastRenderedPageBreak/>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23</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Considerentul 36</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36)</w:t>
            </w:r>
            <w:r w:rsidRPr="00474E4B">
              <w:tab/>
              <w:t xml:space="preserve">Pentru a asigura o acoperire geografică vastă a serviciilor de consiliere pe teritoriul Uniunii </w:t>
            </w:r>
            <w:r w:rsidR="00474E4B" w:rsidRPr="00474E4B">
              <w:t>ș</w:t>
            </w:r>
            <w:r w:rsidRPr="00474E4B">
              <w:t>i pentru a mobiliza cu succes cuno</w:t>
            </w:r>
            <w:r w:rsidR="00474E4B" w:rsidRPr="00474E4B">
              <w:t>ș</w:t>
            </w:r>
            <w:r w:rsidRPr="00474E4B">
              <w:t>tin</w:t>
            </w:r>
            <w:r w:rsidR="00474E4B" w:rsidRPr="00474E4B">
              <w:t>ț</w:t>
            </w:r>
            <w:r w:rsidRPr="00474E4B">
              <w:t>ele locale cu privire la FEIS, ar trebui să se asigure o prezen</w:t>
            </w:r>
            <w:r w:rsidR="00474E4B" w:rsidRPr="00474E4B">
              <w:t>ț</w:t>
            </w:r>
            <w:r w:rsidRPr="00474E4B">
              <w:t xml:space="preserve">ă locală a Platformei de consiliere InvestEU </w:t>
            </w:r>
            <w:r w:rsidRPr="00474E4B">
              <w:rPr>
                <w:b/>
                <w:i/>
              </w:rPr>
              <w:t>unde este necesar</w:t>
            </w:r>
            <w:r w:rsidRPr="00474E4B">
              <w:t xml:space="preserve">, </w:t>
            </w:r>
            <w:r w:rsidR="00474E4B" w:rsidRPr="00474E4B">
              <w:t>ț</w:t>
            </w:r>
            <w:r w:rsidRPr="00474E4B">
              <w:t>inând seama de sistemele de sprijin existente, cu scopul de a oferi asisten</w:t>
            </w:r>
            <w:r w:rsidR="00474E4B" w:rsidRPr="00474E4B">
              <w:t>ț</w:t>
            </w:r>
            <w:r w:rsidRPr="00474E4B">
              <w:t xml:space="preserve">ă concretă, proactivă </w:t>
            </w:r>
            <w:r w:rsidR="00474E4B" w:rsidRPr="00474E4B">
              <w:t>ș</w:t>
            </w:r>
            <w:r w:rsidRPr="00474E4B">
              <w:t>i personalizată pe teren.</w:t>
            </w:r>
          </w:p>
        </w:tc>
        <w:tc>
          <w:tcPr>
            <w:tcW w:w="4876" w:type="dxa"/>
          </w:tcPr>
          <w:p w:rsidR="00CC45A9" w:rsidRPr="00474E4B" w:rsidRDefault="00CC45A9" w:rsidP="001D1851">
            <w:pPr>
              <w:pStyle w:val="Normal6"/>
              <w:rPr>
                <w:noProof/>
              </w:rPr>
            </w:pPr>
            <w:r w:rsidRPr="00474E4B">
              <w:t>(36)</w:t>
            </w:r>
            <w:r w:rsidRPr="00474E4B">
              <w:tab/>
              <w:t xml:space="preserve">Pentru a asigura o acoperire geografică vastă </w:t>
            </w:r>
            <w:r w:rsidR="00474E4B" w:rsidRPr="00474E4B">
              <w:rPr>
                <w:b/>
                <w:i/>
              </w:rPr>
              <w:t>ș</w:t>
            </w:r>
            <w:r w:rsidRPr="00474E4B">
              <w:rPr>
                <w:b/>
                <w:i/>
              </w:rPr>
              <w:t xml:space="preserve">i egală </w:t>
            </w:r>
            <w:r w:rsidRPr="00474E4B">
              <w:t xml:space="preserve">a serviciilor de consiliere pe teritoriul Uniunii </w:t>
            </w:r>
            <w:r w:rsidR="00474E4B" w:rsidRPr="00474E4B">
              <w:t>ș</w:t>
            </w:r>
            <w:r w:rsidRPr="00474E4B">
              <w:t>i pentru a mobiliza cu succes cuno</w:t>
            </w:r>
            <w:r w:rsidR="00474E4B" w:rsidRPr="00474E4B">
              <w:t>ș</w:t>
            </w:r>
            <w:r w:rsidRPr="00474E4B">
              <w:t>tin</w:t>
            </w:r>
            <w:r w:rsidR="00474E4B" w:rsidRPr="00474E4B">
              <w:t>ț</w:t>
            </w:r>
            <w:r w:rsidRPr="00474E4B">
              <w:t>ele locale cu privire la FEIS, ar trebui să se asigure o prezen</w:t>
            </w:r>
            <w:r w:rsidR="00474E4B" w:rsidRPr="00474E4B">
              <w:t>ț</w:t>
            </w:r>
            <w:r w:rsidRPr="00474E4B">
              <w:t xml:space="preserve">ă locală a Platformei de consiliere InvestEU </w:t>
            </w:r>
            <w:r w:rsidRPr="00474E4B">
              <w:rPr>
                <w:b/>
                <w:i/>
              </w:rPr>
              <w:t>în fiecare stat membru, mai ales în zonele care se confruntă cu dificultă</w:t>
            </w:r>
            <w:r w:rsidR="00474E4B" w:rsidRPr="00474E4B">
              <w:rPr>
                <w:b/>
                <w:i/>
              </w:rPr>
              <w:t>ț</w:t>
            </w:r>
            <w:r w:rsidRPr="00474E4B">
              <w:rPr>
                <w:b/>
                <w:i/>
              </w:rPr>
              <w:t>i în atribuirea contractelor</w:t>
            </w:r>
            <w:r w:rsidRPr="00474E4B">
              <w:t xml:space="preserve">, </w:t>
            </w:r>
            <w:r w:rsidR="00474E4B" w:rsidRPr="00474E4B">
              <w:t>ț</w:t>
            </w:r>
            <w:r w:rsidRPr="00474E4B">
              <w:t>inând seama de sistemele de sprijin existente, cu scopul de a oferi asisten</w:t>
            </w:r>
            <w:r w:rsidR="00474E4B" w:rsidRPr="00474E4B">
              <w:t>ț</w:t>
            </w:r>
            <w:r w:rsidRPr="00474E4B">
              <w:t xml:space="preserve">ă concretă, proactivă </w:t>
            </w:r>
            <w:r w:rsidR="00474E4B" w:rsidRPr="00474E4B">
              <w:t>ș</w:t>
            </w:r>
            <w:r w:rsidRPr="00474E4B">
              <w:t>i personalizată pe teren.</w:t>
            </w:r>
          </w:p>
        </w:tc>
      </w:tr>
    </w:tbl>
    <w:p w:rsidR="00CC45A9" w:rsidRPr="00474E4B" w:rsidRDefault="00CC45A9" w:rsidP="00CC45A9">
      <w:pPr>
        <w:pStyle w:val="AMNumberTabs"/>
        <w:rPr>
          <w:rStyle w:val="HideTWBExt"/>
          <w:color w:val="auto"/>
        </w:rPr>
      </w:pPr>
      <w:r w:rsidRPr="00474E4B">
        <w:rPr>
          <w:rStyle w:val="HideTWBExt"/>
        </w:rPr>
        <w:t>&lt;/Amend&gt;</w:t>
      </w:r>
    </w:p>
    <w:p w:rsidR="00CC45A9" w:rsidRPr="00474E4B" w:rsidRDefault="00CC45A9" w:rsidP="00CC45A9">
      <w:pPr>
        <w:rPr>
          <w:noProof/>
        </w:rPr>
      </w:pP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24</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Considerentul 37</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37)</w:t>
            </w:r>
            <w:r w:rsidRPr="00474E4B">
              <w:tab/>
              <w:t>În contextul Fondului InvestEU, este nevoie de sprijin în vederea construirii capacită</w:t>
            </w:r>
            <w:r w:rsidR="00474E4B" w:rsidRPr="00474E4B">
              <w:t>ț</w:t>
            </w:r>
            <w:r w:rsidRPr="00474E4B">
              <w:t>ii pentru a dezvolta capacită</w:t>
            </w:r>
            <w:r w:rsidR="00474E4B" w:rsidRPr="00474E4B">
              <w:t>ț</w:t>
            </w:r>
            <w:r w:rsidRPr="00474E4B">
              <w:t>ile organiza</w:t>
            </w:r>
            <w:r w:rsidR="00474E4B" w:rsidRPr="00474E4B">
              <w:t>ț</w:t>
            </w:r>
            <w:r w:rsidRPr="00474E4B">
              <w:t xml:space="preserve">ionale </w:t>
            </w:r>
            <w:r w:rsidR="00474E4B" w:rsidRPr="00474E4B">
              <w:t>ș</w:t>
            </w:r>
            <w:r w:rsidRPr="00474E4B">
              <w:t>i activită</w:t>
            </w:r>
            <w:r w:rsidR="00474E4B" w:rsidRPr="00474E4B">
              <w:t>ț</w:t>
            </w:r>
            <w:r w:rsidRPr="00474E4B">
              <w:t xml:space="preserve">ile formatoare de </w:t>
            </w:r>
            <w:r w:rsidRPr="00474E4B">
              <w:lastRenderedPageBreak/>
              <w:t>pia</w:t>
            </w:r>
            <w:r w:rsidR="00474E4B" w:rsidRPr="00474E4B">
              <w:t>ț</w:t>
            </w:r>
            <w:r w:rsidRPr="00474E4B">
              <w:t>ă necesare pentru a crea proiecte de calitate. De asemenea, scopul este de a crea condi</w:t>
            </w:r>
            <w:r w:rsidR="00474E4B" w:rsidRPr="00474E4B">
              <w:t>ț</w:t>
            </w:r>
            <w:r w:rsidRPr="00474E4B">
              <w:t>iile necesare pentru extinderea numărului de beneficiari eligibili poten</w:t>
            </w:r>
            <w:r w:rsidR="00474E4B" w:rsidRPr="00474E4B">
              <w:t>ț</w:t>
            </w:r>
            <w:r w:rsidRPr="00474E4B">
              <w:t>iali de pe segmentele emergente de pia</w:t>
            </w:r>
            <w:r w:rsidR="00474E4B" w:rsidRPr="00474E4B">
              <w:t>ț</w:t>
            </w:r>
            <w:r w:rsidRPr="00474E4B">
              <w:t>ă, în special în cazurile în care dimensiunea mică a proiectelor individuale majorează considerabil costurile tranzac</w:t>
            </w:r>
            <w:r w:rsidR="00474E4B" w:rsidRPr="00474E4B">
              <w:t>ț</w:t>
            </w:r>
            <w:r w:rsidRPr="00474E4B">
              <w:t>iei la nivelul proiectului, cum ar fi costurile aferente ecosistemului financiar social. Sprijinul pentru construirea capacită</w:t>
            </w:r>
            <w:r w:rsidR="00474E4B" w:rsidRPr="00474E4B">
              <w:t>ț</w:t>
            </w:r>
            <w:r w:rsidRPr="00474E4B">
              <w:t xml:space="preserve">ii ar trebui, prin urmare, să fie complementar </w:t>
            </w:r>
            <w:r w:rsidR="00474E4B" w:rsidRPr="00474E4B">
              <w:t>ș</w:t>
            </w:r>
            <w:r w:rsidRPr="00474E4B">
              <w:t>i suplimentar fa</w:t>
            </w:r>
            <w:r w:rsidR="00474E4B" w:rsidRPr="00474E4B">
              <w:t>ț</w:t>
            </w:r>
            <w:r w:rsidRPr="00474E4B">
              <w:t>ă de ac</w:t>
            </w:r>
            <w:r w:rsidR="00474E4B" w:rsidRPr="00474E4B">
              <w:t>ț</w:t>
            </w:r>
            <w:r w:rsidRPr="00474E4B">
              <w:t>iunile asumate în cadrul altor programe ale Uniunii care acoperă un domeniul de politică specific.</w:t>
            </w:r>
          </w:p>
        </w:tc>
        <w:tc>
          <w:tcPr>
            <w:tcW w:w="4876" w:type="dxa"/>
          </w:tcPr>
          <w:p w:rsidR="00CC45A9" w:rsidRPr="00474E4B" w:rsidRDefault="00CC45A9" w:rsidP="001D1851">
            <w:pPr>
              <w:pStyle w:val="Normal6"/>
              <w:rPr>
                <w:noProof/>
              </w:rPr>
            </w:pPr>
            <w:r w:rsidRPr="00474E4B">
              <w:lastRenderedPageBreak/>
              <w:t>(37)</w:t>
            </w:r>
            <w:r w:rsidRPr="00474E4B">
              <w:tab/>
              <w:t>În contextul Fondului InvestEU, este nevoie de sprijin în vederea construirii capacită</w:t>
            </w:r>
            <w:r w:rsidR="00474E4B" w:rsidRPr="00474E4B">
              <w:t>ț</w:t>
            </w:r>
            <w:r w:rsidRPr="00474E4B">
              <w:t>ii pentru a dezvolta capacită</w:t>
            </w:r>
            <w:r w:rsidR="00474E4B" w:rsidRPr="00474E4B">
              <w:t>ț</w:t>
            </w:r>
            <w:r w:rsidRPr="00474E4B">
              <w:t>ile organiza</w:t>
            </w:r>
            <w:r w:rsidR="00474E4B" w:rsidRPr="00474E4B">
              <w:t>ț</w:t>
            </w:r>
            <w:r w:rsidRPr="00474E4B">
              <w:t xml:space="preserve">ionale </w:t>
            </w:r>
            <w:r w:rsidR="00474E4B" w:rsidRPr="00474E4B">
              <w:t>ș</w:t>
            </w:r>
            <w:r w:rsidRPr="00474E4B">
              <w:t>i activită</w:t>
            </w:r>
            <w:r w:rsidR="00474E4B" w:rsidRPr="00474E4B">
              <w:t>ț</w:t>
            </w:r>
            <w:r w:rsidRPr="00474E4B">
              <w:t xml:space="preserve">ile formatoare de </w:t>
            </w:r>
            <w:r w:rsidRPr="00474E4B">
              <w:lastRenderedPageBreak/>
              <w:t>pia</w:t>
            </w:r>
            <w:r w:rsidR="00474E4B" w:rsidRPr="00474E4B">
              <w:t>ț</w:t>
            </w:r>
            <w:r w:rsidRPr="00474E4B">
              <w:t>ă necesare pentru a crea proiecte de calitate</w:t>
            </w:r>
            <w:r w:rsidRPr="00474E4B">
              <w:rPr>
                <w:b/>
                <w:i/>
              </w:rPr>
              <w:t xml:space="preserve">, în special în </w:t>
            </w:r>
            <w:r w:rsidR="00474E4B" w:rsidRPr="00474E4B">
              <w:rPr>
                <w:b/>
                <w:i/>
              </w:rPr>
              <w:t>ț</w:t>
            </w:r>
            <w:r w:rsidRPr="00474E4B">
              <w:rPr>
                <w:b/>
                <w:i/>
              </w:rPr>
              <w:t>ările mai pu</w:t>
            </w:r>
            <w:r w:rsidR="00474E4B" w:rsidRPr="00474E4B">
              <w:rPr>
                <w:b/>
                <w:i/>
              </w:rPr>
              <w:t>ț</w:t>
            </w:r>
            <w:r w:rsidRPr="00474E4B">
              <w:rPr>
                <w:b/>
                <w:i/>
              </w:rPr>
              <w:t>in dezvoltate</w:t>
            </w:r>
            <w:r w:rsidRPr="00474E4B">
              <w:t>. De asemenea, scopul este de a crea condi</w:t>
            </w:r>
            <w:r w:rsidR="00474E4B" w:rsidRPr="00474E4B">
              <w:t>ț</w:t>
            </w:r>
            <w:r w:rsidRPr="00474E4B">
              <w:t>iile necesare pentru extinderea numărului de beneficiari eligibili poten</w:t>
            </w:r>
            <w:r w:rsidR="00474E4B" w:rsidRPr="00474E4B">
              <w:t>ț</w:t>
            </w:r>
            <w:r w:rsidRPr="00474E4B">
              <w:t>iali de pe segmentele emergente de pia</w:t>
            </w:r>
            <w:r w:rsidR="00474E4B" w:rsidRPr="00474E4B">
              <w:t>ț</w:t>
            </w:r>
            <w:r w:rsidRPr="00474E4B">
              <w:t>ă, în special în cazurile în care dimensiunea mică a proiectelor individuale majorează considerabil costurile tranzac</w:t>
            </w:r>
            <w:r w:rsidR="00474E4B" w:rsidRPr="00474E4B">
              <w:t>ț</w:t>
            </w:r>
            <w:r w:rsidRPr="00474E4B">
              <w:t>iei la nivelul proiectului, cum ar fi costurile aferente ecosistemului financiar social. Sprijinul pentru construirea capacită</w:t>
            </w:r>
            <w:r w:rsidR="00474E4B" w:rsidRPr="00474E4B">
              <w:t>ț</w:t>
            </w:r>
            <w:r w:rsidRPr="00474E4B">
              <w:t xml:space="preserve">ii ar trebui, prin urmare, să fie complementar </w:t>
            </w:r>
            <w:r w:rsidR="00474E4B" w:rsidRPr="00474E4B">
              <w:t>ș</w:t>
            </w:r>
            <w:r w:rsidRPr="00474E4B">
              <w:t>i suplimentar fa</w:t>
            </w:r>
            <w:r w:rsidR="00474E4B" w:rsidRPr="00474E4B">
              <w:t>ț</w:t>
            </w:r>
            <w:r w:rsidRPr="00474E4B">
              <w:t>ă de ac</w:t>
            </w:r>
            <w:r w:rsidR="00474E4B" w:rsidRPr="00474E4B">
              <w:t>ț</w:t>
            </w:r>
            <w:r w:rsidRPr="00474E4B">
              <w:t>iunile asumate în cadrul altor programe ale Uniunii care acoperă un domeniul de politică specific.</w:t>
            </w:r>
          </w:p>
        </w:tc>
      </w:tr>
    </w:tbl>
    <w:p w:rsidR="00CC45A9" w:rsidRPr="00474E4B" w:rsidRDefault="00CC45A9" w:rsidP="00CC45A9">
      <w:pPr>
        <w:rPr>
          <w:noProof/>
        </w:rPr>
      </w:pPr>
      <w:r w:rsidRPr="00474E4B">
        <w:rPr>
          <w:rStyle w:val="HideTWBExt"/>
        </w:rPr>
        <w:lastRenderedPageBreak/>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25</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Considerentul 47</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47)</w:t>
            </w:r>
            <w:r w:rsidRPr="00474E4B">
              <w:tab/>
              <w:t>Programul InvestEU ar trebui să remedieze disfunc</w:t>
            </w:r>
            <w:r w:rsidR="00474E4B" w:rsidRPr="00474E4B">
              <w:t>ț</w:t>
            </w:r>
            <w:r w:rsidRPr="00474E4B">
              <w:t>ionalită</w:t>
            </w:r>
            <w:r w:rsidR="00474E4B" w:rsidRPr="00474E4B">
              <w:t>ț</w:t>
            </w:r>
            <w:r w:rsidRPr="00474E4B">
              <w:t>ile pie</w:t>
            </w:r>
            <w:r w:rsidR="00474E4B" w:rsidRPr="00474E4B">
              <w:t>ț</w:t>
            </w:r>
            <w:r w:rsidRPr="00474E4B">
              <w:t xml:space="preserve">ei de la nivelul UE </w:t>
            </w:r>
            <w:r w:rsidR="00474E4B" w:rsidRPr="00474E4B">
              <w:t>ș</w:t>
            </w:r>
            <w:r w:rsidRPr="00474E4B">
              <w:t>i situa</w:t>
            </w:r>
            <w:r w:rsidR="00474E4B" w:rsidRPr="00474E4B">
              <w:t>ț</w:t>
            </w:r>
            <w:r w:rsidRPr="00474E4B">
              <w:t>iile de investi</w:t>
            </w:r>
            <w:r w:rsidR="00474E4B" w:rsidRPr="00474E4B">
              <w:t>ț</w:t>
            </w:r>
            <w:r w:rsidRPr="00474E4B">
              <w:t xml:space="preserve">ii suboptime </w:t>
            </w:r>
            <w:r w:rsidR="00474E4B" w:rsidRPr="00474E4B">
              <w:t>ș</w:t>
            </w:r>
            <w:r w:rsidRPr="00474E4B">
              <w:t>i să prevadă o testare a pie</w:t>
            </w:r>
            <w:r w:rsidR="00474E4B" w:rsidRPr="00474E4B">
              <w:t>ț</w:t>
            </w:r>
            <w:r w:rsidRPr="00474E4B">
              <w:t xml:space="preserve">ei la nivelul întregii Uniuni a produselor financiare inovatoare, precum </w:t>
            </w:r>
            <w:r w:rsidR="00474E4B" w:rsidRPr="00474E4B">
              <w:t>ș</w:t>
            </w:r>
            <w:r w:rsidRPr="00474E4B">
              <w:t>i sisteme de difuzare a acestora, pentru disfunc</w:t>
            </w:r>
            <w:r w:rsidR="00474E4B" w:rsidRPr="00474E4B">
              <w:t>ț</w:t>
            </w:r>
            <w:r w:rsidRPr="00474E4B">
              <w:t>ionalită</w:t>
            </w:r>
            <w:r w:rsidR="00474E4B" w:rsidRPr="00474E4B">
              <w:t>ț</w:t>
            </w:r>
            <w:r w:rsidRPr="00474E4B">
              <w:t>ile de pia</w:t>
            </w:r>
            <w:r w:rsidR="00474E4B" w:rsidRPr="00474E4B">
              <w:t>ț</w:t>
            </w:r>
            <w:r w:rsidRPr="00474E4B">
              <w:t>ă noi sau complexe. Prin urmare, se justifică o ac</w:t>
            </w:r>
            <w:r w:rsidR="00474E4B" w:rsidRPr="00474E4B">
              <w:t>ț</w:t>
            </w:r>
            <w:r w:rsidRPr="00474E4B">
              <w:t>iune la nivelul Uniunii,</w:t>
            </w:r>
          </w:p>
        </w:tc>
        <w:tc>
          <w:tcPr>
            <w:tcW w:w="4876" w:type="dxa"/>
          </w:tcPr>
          <w:p w:rsidR="00CC45A9" w:rsidRPr="00474E4B" w:rsidRDefault="00CC45A9" w:rsidP="001D1851">
            <w:pPr>
              <w:pStyle w:val="Normal6"/>
              <w:rPr>
                <w:noProof/>
              </w:rPr>
            </w:pPr>
            <w:r w:rsidRPr="00474E4B">
              <w:t>(47)</w:t>
            </w:r>
            <w:r w:rsidRPr="00474E4B">
              <w:tab/>
              <w:t>Programul InvestEU ar trebui să remedieze disfunc</w:t>
            </w:r>
            <w:r w:rsidR="00474E4B" w:rsidRPr="00474E4B">
              <w:t>ț</w:t>
            </w:r>
            <w:r w:rsidRPr="00474E4B">
              <w:t>ionalită</w:t>
            </w:r>
            <w:r w:rsidR="00474E4B" w:rsidRPr="00474E4B">
              <w:t>ț</w:t>
            </w:r>
            <w:r w:rsidRPr="00474E4B">
              <w:t xml:space="preserve">ile </w:t>
            </w:r>
            <w:r w:rsidR="00474E4B" w:rsidRPr="00474E4B">
              <w:rPr>
                <w:b/>
                <w:i/>
              </w:rPr>
              <w:t>ș</w:t>
            </w:r>
            <w:r w:rsidRPr="00474E4B">
              <w:rPr>
                <w:b/>
                <w:i/>
              </w:rPr>
              <w:t xml:space="preserve">i lacunele </w:t>
            </w:r>
            <w:r w:rsidRPr="00474E4B">
              <w:t>pie</w:t>
            </w:r>
            <w:r w:rsidR="00474E4B" w:rsidRPr="00474E4B">
              <w:t>ț</w:t>
            </w:r>
            <w:r w:rsidRPr="00474E4B">
              <w:t xml:space="preserve">ei de la nivelul UE </w:t>
            </w:r>
            <w:r w:rsidR="00474E4B" w:rsidRPr="00474E4B">
              <w:t>ș</w:t>
            </w:r>
            <w:r w:rsidRPr="00474E4B">
              <w:t>i situa</w:t>
            </w:r>
            <w:r w:rsidR="00474E4B" w:rsidRPr="00474E4B">
              <w:t>ț</w:t>
            </w:r>
            <w:r w:rsidRPr="00474E4B">
              <w:t>iile de investi</w:t>
            </w:r>
            <w:r w:rsidR="00474E4B" w:rsidRPr="00474E4B">
              <w:t>ț</w:t>
            </w:r>
            <w:r w:rsidRPr="00474E4B">
              <w:t xml:space="preserve">ii suboptime </w:t>
            </w:r>
            <w:r w:rsidR="00474E4B" w:rsidRPr="00474E4B">
              <w:t>ș</w:t>
            </w:r>
            <w:r w:rsidRPr="00474E4B">
              <w:t>i să prevadă o testare a pie</w:t>
            </w:r>
            <w:r w:rsidR="00474E4B" w:rsidRPr="00474E4B">
              <w:t>ț</w:t>
            </w:r>
            <w:r w:rsidRPr="00474E4B">
              <w:t xml:space="preserve">ei la nivelul întregii Uniuni a produselor financiare inovatoare, precum </w:t>
            </w:r>
            <w:r w:rsidR="00474E4B" w:rsidRPr="00474E4B">
              <w:t>ș</w:t>
            </w:r>
            <w:r w:rsidRPr="00474E4B">
              <w:t>i sisteme de difuzare a acestora, pentru disfunc</w:t>
            </w:r>
            <w:r w:rsidR="00474E4B" w:rsidRPr="00474E4B">
              <w:t>ț</w:t>
            </w:r>
            <w:r w:rsidRPr="00474E4B">
              <w:t>ionalită</w:t>
            </w:r>
            <w:r w:rsidR="00474E4B" w:rsidRPr="00474E4B">
              <w:t>ț</w:t>
            </w:r>
            <w:r w:rsidRPr="00474E4B">
              <w:t>ile de pia</w:t>
            </w:r>
            <w:r w:rsidR="00474E4B" w:rsidRPr="00474E4B">
              <w:t>ț</w:t>
            </w:r>
            <w:r w:rsidRPr="00474E4B">
              <w:t>ă noi sau complexe. Prin urmare, se justifică o ac</w:t>
            </w:r>
            <w:r w:rsidR="00474E4B" w:rsidRPr="00474E4B">
              <w:t>ț</w:t>
            </w:r>
            <w:r w:rsidRPr="00474E4B">
              <w:t>iune la nivelul Uniunii,</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26</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Articolul 1 – paragraful 1</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Prezentul regulament instituie Fondul InvestEU, care furnizează o garan</w:t>
            </w:r>
            <w:r w:rsidR="00474E4B" w:rsidRPr="00474E4B">
              <w:t>ț</w:t>
            </w:r>
            <w:r w:rsidRPr="00474E4B">
              <w:t>ie a UE pentru opera</w:t>
            </w:r>
            <w:r w:rsidR="00474E4B" w:rsidRPr="00474E4B">
              <w:t>ț</w:t>
            </w:r>
            <w:r w:rsidRPr="00474E4B">
              <w:t>iunile de finan</w:t>
            </w:r>
            <w:r w:rsidR="00474E4B" w:rsidRPr="00474E4B">
              <w:t>ț</w:t>
            </w:r>
            <w:r w:rsidRPr="00474E4B">
              <w:t xml:space="preserve">are </w:t>
            </w:r>
            <w:r w:rsidR="00474E4B" w:rsidRPr="00474E4B">
              <w:t>ș</w:t>
            </w:r>
            <w:r w:rsidRPr="00474E4B">
              <w:t>i de investi</w:t>
            </w:r>
            <w:r w:rsidR="00474E4B" w:rsidRPr="00474E4B">
              <w:t>ț</w:t>
            </w:r>
            <w:r w:rsidRPr="00474E4B">
              <w:t>ii desfă</w:t>
            </w:r>
            <w:r w:rsidR="00474E4B" w:rsidRPr="00474E4B">
              <w:t>ș</w:t>
            </w:r>
            <w:r w:rsidRPr="00474E4B">
              <w:t xml:space="preserve">urate de partenerii de implementare în sprijinul politicilor interne </w:t>
            </w:r>
            <w:r w:rsidRPr="00474E4B">
              <w:lastRenderedPageBreak/>
              <w:t>ale Uniunii.</w:t>
            </w:r>
          </w:p>
        </w:tc>
        <w:tc>
          <w:tcPr>
            <w:tcW w:w="4876" w:type="dxa"/>
          </w:tcPr>
          <w:p w:rsidR="00CC45A9" w:rsidRPr="00474E4B" w:rsidRDefault="00CC45A9" w:rsidP="001D1851">
            <w:pPr>
              <w:pStyle w:val="Normal6"/>
              <w:rPr>
                <w:noProof/>
              </w:rPr>
            </w:pPr>
            <w:r w:rsidRPr="00474E4B">
              <w:lastRenderedPageBreak/>
              <w:t>Prezentul regulament instituie Fondul InvestEU, care furnizează o garan</w:t>
            </w:r>
            <w:r w:rsidR="00474E4B" w:rsidRPr="00474E4B">
              <w:t>ț</w:t>
            </w:r>
            <w:r w:rsidRPr="00474E4B">
              <w:t>ie a UE pentru opera</w:t>
            </w:r>
            <w:r w:rsidR="00474E4B" w:rsidRPr="00474E4B">
              <w:t>ț</w:t>
            </w:r>
            <w:r w:rsidRPr="00474E4B">
              <w:t>iunile de finan</w:t>
            </w:r>
            <w:r w:rsidR="00474E4B" w:rsidRPr="00474E4B">
              <w:t>ț</w:t>
            </w:r>
            <w:r w:rsidRPr="00474E4B">
              <w:t xml:space="preserve">are </w:t>
            </w:r>
            <w:r w:rsidR="00474E4B" w:rsidRPr="00474E4B">
              <w:t>ș</w:t>
            </w:r>
            <w:r w:rsidRPr="00474E4B">
              <w:t>i de investi</w:t>
            </w:r>
            <w:r w:rsidR="00474E4B" w:rsidRPr="00474E4B">
              <w:t>ț</w:t>
            </w:r>
            <w:r w:rsidRPr="00474E4B">
              <w:t>ii desfă</w:t>
            </w:r>
            <w:r w:rsidR="00474E4B" w:rsidRPr="00474E4B">
              <w:t>ș</w:t>
            </w:r>
            <w:r w:rsidRPr="00474E4B">
              <w:t xml:space="preserve">urate de partenerii de implementare în sprijinul politicilor interne </w:t>
            </w:r>
            <w:r w:rsidRPr="00474E4B">
              <w:lastRenderedPageBreak/>
              <w:t>ale Uniunii</w:t>
            </w:r>
            <w:r w:rsidRPr="00474E4B">
              <w:rPr>
                <w:b/>
                <w:i/>
              </w:rPr>
              <w:t xml:space="preserve"> </w:t>
            </w:r>
            <w:r w:rsidR="00474E4B" w:rsidRPr="00474E4B">
              <w:rPr>
                <w:b/>
                <w:i/>
              </w:rPr>
              <w:t>ș</w:t>
            </w:r>
            <w:r w:rsidRPr="00474E4B">
              <w:rPr>
                <w:b/>
                <w:i/>
              </w:rPr>
              <w:t>i define</w:t>
            </w:r>
            <w:r w:rsidR="00474E4B" w:rsidRPr="00474E4B">
              <w:rPr>
                <w:b/>
                <w:i/>
              </w:rPr>
              <w:t>ș</w:t>
            </w:r>
            <w:r w:rsidRPr="00474E4B">
              <w:rPr>
                <w:b/>
                <w:i/>
              </w:rPr>
              <w:t>te rela</w:t>
            </w:r>
            <w:r w:rsidR="00474E4B" w:rsidRPr="00474E4B">
              <w:rPr>
                <w:b/>
                <w:i/>
              </w:rPr>
              <w:t>ț</w:t>
            </w:r>
            <w:r w:rsidRPr="00474E4B">
              <w:rPr>
                <w:b/>
                <w:i/>
              </w:rPr>
              <w:t>iile cu diferi</w:t>
            </w:r>
            <w:r w:rsidR="00474E4B" w:rsidRPr="00474E4B">
              <w:rPr>
                <w:b/>
                <w:i/>
              </w:rPr>
              <w:t>ț</w:t>
            </w:r>
            <w:r w:rsidRPr="00474E4B">
              <w:rPr>
                <w:b/>
                <w:i/>
              </w:rPr>
              <w:t>ii parteneri în cadrul prezentului regulament</w:t>
            </w:r>
            <w:r w:rsidRPr="00474E4B">
              <w:t>.</w:t>
            </w:r>
          </w:p>
        </w:tc>
      </w:tr>
    </w:tbl>
    <w:p w:rsidR="00CC45A9" w:rsidRPr="00474E4B" w:rsidRDefault="00CC45A9" w:rsidP="00CC45A9">
      <w:pPr>
        <w:rPr>
          <w:rStyle w:val="HideTWBExt"/>
          <w:color w:val="auto"/>
        </w:rPr>
      </w:pPr>
      <w:r w:rsidRPr="00474E4B">
        <w:rPr>
          <w:rStyle w:val="HideTWBExt"/>
        </w:rPr>
        <w:lastRenderedPageBreak/>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27</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3 – alineatul 1 – litera b</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b)</w:t>
            </w:r>
            <w:r w:rsidRPr="00474E4B">
              <w:tab/>
              <w:t xml:space="preserve">durabilitatea </w:t>
            </w:r>
            <w:r w:rsidR="00474E4B" w:rsidRPr="00474E4B">
              <w:t>ș</w:t>
            </w:r>
            <w:r w:rsidRPr="00474E4B">
              <w:t>i cre</w:t>
            </w:r>
            <w:r w:rsidR="00474E4B" w:rsidRPr="00474E4B">
              <w:t>ș</w:t>
            </w:r>
            <w:r w:rsidRPr="00474E4B">
              <w:t>terea economiei Uniunii;</w:t>
            </w:r>
          </w:p>
        </w:tc>
        <w:tc>
          <w:tcPr>
            <w:tcW w:w="4876" w:type="dxa"/>
            <w:hideMark/>
          </w:tcPr>
          <w:p w:rsidR="00CC45A9" w:rsidRPr="00474E4B" w:rsidRDefault="00CC45A9" w:rsidP="001D1851">
            <w:pPr>
              <w:pStyle w:val="Normal6"/>
              <w:rPr>
                <w:noProof/>
                <w:szCs w:val="24"/>
              </w:rPr>
            </w:pPr>
            <w:r w:rsidRPr="00474E4B">
              <w:t>(b)</w:t>
            </w:r>
            <w:r w:rsidRPr="00474E4B">
              <w:tab/>
              <w:t xml:space="preserve">durabilitatea </w:t>
            </w:r>
            <w:r w:rsidR="00474E4B" w:rsidRPr="00474E4B">
              <w:t>ș</w:t>
            </w:r>
            <w:r w:rsidRPr="00474E4B">
              <w:t>i cre</w:t>
            </w:r>
            <w:r w:rsidR="00474E4B" w:rsidRPr="00474E4B">
              <w:t>ș</w:t>
            </w:r>
            <w:r w:rsidRPr="00474E4B">
              <w:t>terea economiei Uniunii</w:t>
            </w:r>
            <w:r w:rsidRPr="00474E4B">
              <w:rPr>
                <w:b/>
                <w:i/>
              </w:rPr>
              <w:t>, inclusiv obiectivele climatice</w:t>
            </w:r>
            <w:r w:rsidRPr="00474E4B">
              <w:t>;</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28</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Articolul 3 – alineatul 1 – litera d</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d)</w:t>
            </w:r>
            <w:r w:rsidRPr="00474E4B">
              <w:tab/>
              <w:t>integrarea pie</w:t>
            </w:r>
            <w:r w:rsidR="00474E4B" w:rsidRPr="00474E4B">
              <w:t>ț</w:t>
            </w:r>
            <w:r w:rsidRPr="00474E4B">
              <w:t xml:space="preserve">elor de capital ale Uniunii </w:t>
            </w:r>
            <w:r w:rsidR="00474E4B" w:rsidRPr="00474E4B">
              <w:t>ș</w:t>
            </w:r>
            <w:r w:rsidRPr="00474E4B">
              <w:t>i consolidarea pie</w:t>
            </w:r>
            <w:r w:rsidR="00474E4B" w:rsidRPr="00474E4B">
              <w:t>ț</w:t>
            </w:r>
            <w:r w:rsidRPr="00474E4B">
              <w:t>ei unice, inclusiv prin solu</w:t>
            </w:r>
            <w:r w:rsidR="00474E4B" w:rsidRPr="00474E4B">
              <w:t>ț</w:t>
            </w:r>
            <w:r w:rsidRPr="00474E4B">
              <w:t>ii care abordează fragmentarea pie</w:t>
            </w:r>
            <w:r w:rsidR="00474E4B" w:rsidRPr="00474E4B">
              <w:t>ț</w:t>
            </w:r>
            <w:r w:rsidRPr="00474E4B">
              <w:t>elor de capital ale Uniunii, prin diversificarea surselor de finan</w:t>
            </w:r>
            <w:r w:rsidR="00474E4B" w:rsidRPr="00474E4B">
              <w:t>ț</w:t>
            </w:r>
            <w:r w:rsidRPr="00474E4B">
              <w:t xml:space="preserve">are pentru întreprinderile din Uniune </w:t>
            </w:r>
            <w:r w:rsidR="00474E4B" w:rsidRPr="00474E4B">
              <w:t>ș</w:t>
            </w:r>
            <w:r w:rsidRPr="00474E4B">
              <w:t>i prin promovarea finan</w:t>
            </w:r>
            <w:r w:rsidR="00474E4B" w:rsidRPr="00474E4B">
              <w:t>ț</w:t>
            </w:r>
            <w:r w:rsidRPr="00474E4B">
              <w:t>ării durabile.</w:t>
            </w:r>
          </w:p>
        </w:tc>
        <w:tc>
          <w:tcPr>
            <w:tcW w:w="4876" w:type="dxa"/>
          </w:tcPr>
          <w:p w:rsidR="00CC45A9" w:rsidRPr="00474E4B" w:rsidRDefault="00CC45A9" w:rsidP="001D1851">
            <w:pPr>
              <w:pStyle w:val="Normal6"/>
              <w:rPr>
                <w:noProof/>
              </w:rPr>
            </w:pPr>
            <w:r w:rsidRPr="00474E4B">
              <w:t>(d)</w:t>
            </w:r>
            <w:r w:rsidRPr="00474E4B">
              <w:tab/>
              <w:t>integrarea pie</w:t>
            </w:r>
            <w:r w:rsidR="00474E4B" w:rsidRPr="00474E4B">
              <w:t>ț</w:t>
            </w:r>
            <w:r w:rsidRPr="00474E4B">
              <w:t xml:space="preserve">elor de capital ale Uniunii </w:t>
            </w:r>
            <w:r w:rsidR="00474E4B" w:rsidRPr="00474E4B">
              <w:t>ș</w:t>
            </w:r>
            <w:r w:rsidRPr="00474E4B">
              <w:t>i consolidarea pie</w:t>
            </w:r>
            <w:r w:rsidR="00474E4B" w:rsidRPr="00474E4B">
              <w:t>ț</w:t>
            </w:r>
            <w:r w:rsidRPr="00474E4B">
              <w:t>ei unice, inclusiv prin solu</w:t>
            </w:r>
            <w:r w:rsidR="00474E4B" w:rsidRPr="00474E4B">
              <w:t>ț</w:t>
            </w:r>
            <w:r w:rsidRPr="00474E4B">
              <w:t>ii care abordează fragmentarea pie</w:t>
            </w:r>
            <w:r w:rsidR="00474E4B" w:rsidRPr="00474E4B">
              <w:t>ț</w:t>
            </w:r>
            <w:r w:rsidRPr="00474E4B">
              <w:t>elor de capital ale Uniunii, prin diversificarea surselor de finan</w:t>
            </w:r>
            <w:r w:rsidR="00474E4B" w:rsidRPr="00474E4B">
              <w:t>ț</w:t>
            </w:r>
            <w:r w:rsidRPr="00474E4B">
              <w:t>are pentru întreprinderile din Uniune</w:t>
            </w:r>
            <w:r w:rsidRPr="00474E4B">
              <w:rPr>
                <w:b/>
                <w:i/>
              </w:rPr>
              <w:t xml:space="preserve">, în special pentru IMM-uri </w:t>
            </w:r>
            <w:r w:rsidR="00474E4B" w:rsidRPr="00474E4B">
              <w:rPr>
                <w:b/>
                <w:i/>
              </w:rPr>
              <w:t>ș</w:t>
            </w:r>
            <w:r w:rsidRPr="00474E4B">
              <w:rPr>
                <w:b/>
                <w:i/>
              </w:rPr>
              <w:t>i start-up-uri</w:t>
            </w:r>
            <w:r w:rsidRPr="00474E4B">
              <w:t xml:space="preserve">, </w:t>
            </w:r>
            <w:r w:rsidR="00474E4B" w:rsidRPr="00474E4B">
              <w:t>ș</w:t>
            </w:r>
            <w:r w:rsidRPr="00474E4B">
              <w:t>i prin promovarea finan</w:t>
            </w:r>
            <w:r w:rsidR="00474E4B" w:rsidRPr="00474E4B">
              <w:t>ț</w:t>
            </w:r>
            <w:r w:rsidRPr="00474E4B">
              <w:t>ării durabile.</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29</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Articolul 3 – alineatul 1 – litera da (nouă)</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tcPr>
          <w:p w:rsidR="00CC45A9" w:rsidRPr="00474E4B" w:rsidRDefault="00CC45A9" w:rsidP="001D1851">
            <w:pPr>
              <w:pStyle w:val="Normal6"/>
              <w:rPr>
                <w:noProof/>
              </w:rPr>
            </w:pPr>
            <w:r w:rsidRPr="00474E4B">
              <w:rPr>
                <w:b/>
                <w:i/>
              </w:rPr>
              <w:t>(da)</w:t>
            </w:r>
            <w:r w:rsidRPr="00474E4B">
              <w:tab/>
            </w:r>
            <w:r w:rsidRPr="00474E4B">
              <w:rPr>
                <w:b/>
                <w:i/>
              </w:rPr>
              <w:t xml:space="preserve">contribuirea la realizarea obiectivelor climatice ale Uniunii, precum </w:t>
            </w:r>
            <w:r w:rsidR="00474E4B" w:rsidRPr="00474E4B">
              <w:rPr>
                <w:b/>
                <w:i/>
              </w:rPr>
              <w:t>ș</w:t>
            </w:r>
            <w:r w:rsidRPr="00474E4B">
              <w:rPr>
                <w:b/>
                <w:i/>
              </w:rPr>
              <w:t>i la ob</w:t>
            </w:r>
            <w:r w:rsidR="00474E4B" w:rsidRPr="00474E4B">
              <w:rPr>
                <w:b/>
                <w:i/>
              </w:rPr>
              <w:t>ț</w:t>
            </w:r>
            <w:r w:rsidRPr="00474E4B">
              <w:rPr>
                <w:b/>
                <w:i/>
              </w:rPr>
              <w:t xml:space="preserve">inerea de beneficii societale </w:t>
            </w:r>
            <w:r w:rsidR="00474E4B" w:rsidRPr="00474E4B">
              <w:rPr>
                <w:b/>
                <w:i/>
              </w:rPr>
              <w:t>ș</w:t>
            </w:r>
            <w:r w:rsidRPr="00474E4B">
              <w:rPr>
                <w:b/>
                <w:i/>
              </w:rPr>
              <w:t>i de mediu pe termen lung.</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30</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3 – alineatul 2 – litera d</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d)</w:t>
            </w:r>
            <w:r w:rsidRPr="00474E4B">
              <w:tab/>
            </w:r>
            <w:r w:rsidRPr="00474E4B">
              <w:rPr>
                <w:b/>
                <w:i/>
              </w:rPr>
              <w:t>sporirea</w:t>
            </w:r>
            <w:r w:rsidRPr="00474E4B">
              <w:t xml:space="preserve"> accesului la </w:t>
            </w:r>
            <w:r w:rsidR="00474E4B" w:rsidRPr="00474E4B">
              <w:rPr>
                <w:b/>
                <w:i/>
              </w:rPr>
              <w:t>ș</w:t>
            </w:r>
            <w:r w:rsidRPr="00474E4B">
              <w:rPr>
                <w:b/>
                <w:i/>
              </w:rPr>
              <w:t>i a disponibilită</w:t>
            </w:r>
            <w:r w:rsidR="00474E4B" w:rsidRPr="00474E4B">
              <w:rPr>
                <w:b/>
                <w:i/>
              </w:rPr>
              <w:t>ț</w:t>
            </w:r>
            <w:r w:rsidRPr="00474E4B">
              <w:rPr>
                <w:b/>
                <w:i/>
              </w:rPr>
              <w:t>ii microfinan</w:t>
            </w:r>
            <w:r w:rsidR="00474E4B" w:rsidRPr="00474E4B">
              <w:rPr>
                <w:b/>
                <w:i/>
              </w:rPr>
              <w:t>ț</w:t>
            </w:r>
            <w:r w:rsidRPr="00474E4B">
              <w:rPr>
                <w:b/>
                <w:i/>
              </w:rPr>
              <w:t>ării</w:t>
            </w:r>
            <w:r w:rsidRPr="00474E4B">
              <w:t xml:space="preserve"> </w:t>
            </w:r>
            <w:r w:rsidR="00474E4B" w:rsidRPr="00474E4B">
              <w:t>ș</w:t>
            </w:r>
            <w:r w:rsidRPr="00474E4B">
              <w:t xml:space="preserve">i </w:t>
            </w:r>
            <w:r w:rsidRPr="00474E4B">
              <w:rPr>
                <w:b/>
                <w:i/>
              </w:rPr>
              <w:t>a finan</w:t>
            </w:r>
            <w:r w:rsidR="00474E4B" w:rsidRPr="00474E4B">
              <w:rPr>
                <w:b/>
                <w:i/>
              </w:rPr>
              <w:t>ț</w:t>
            </w:r>
            <w:r w:rsidRPr="00474E4B">
              <w:rPr>
                <w:b/>
                <w:i/>
              </w:rPr>
              <w:t>ării</w:t>
            </w:r>
            <w:r w:rsidRPr="00474E4B">
              <w:t xml:space="preserve"> întreprinderilor sociale, sprijinirea finan</w:t>
            </w:r>
            <w:r w:rsidR="00474E4B" w:rsidRPr="00474E4B">
              <w:t>ț</w:t>
            </w:r>
            <w:r w:rsidRPr="00474E4B">
              <w:t xml:space="preserve">ării </w:t>
            </w:r>
            <w:r w:rsidR="00474E4B" w:rsidRPr="00474E4B">
              <w:t>ș</w:t>
            </w:r>
            <w:r w:rsidRPr="00474E4B">
              <w:t>i a opera</w:t>
            </w:r>
            <w:r w:rsidR="00474E4B" w:rsidRPr="00474E4B">
              <w:t>ț</w:t>
            </w:r>
            <w:r w:rsidRPr="00474E4B">
              <w:t>iunilor de investi</w:t>
            </w:r>
            <w:r w:rsidR="00474E4B" w:rsidRPr="00474E4B">
              <w:t>ț</w:t>
            </w:r>
            <w:r w:rsidRPr="00474E4B">
              <w:t>ii legate de investi</w:t>
            </w:r>
            <w:r w:rsidR="00474E4B" w:rsidRPr="00474E4B">
              <w:t>ț</w:t>
            </w:r>
            <w:r w:rsidRPr="00474E4B">
              <w:t xml:space="preserve">iile </w:t>
            </w:r>
            <w:r w:rsidR="00474E4B" w:rsidRPr="00474E4B">
              <w:t>ș</w:t>
            </w:r>
            <w:r w:rsidRPr="00474E4B">
              <w:t>i competen</w:t>
            </w:r>
            <w:r w:rsidR="00474E4B" w:rsidRPr="00474E4B">
              <w:t>ț</w:t>
            </w:r>
            <w:r w:rsidRPr="00474E4B">
              <w:t xml:space="preserve">ele sociale </w:t>
            </w:r>
            <w:r w:rsidR="00474E4B" w:rsidRPr="00474E4B">
              <w:t>ș</w:t>
            </w:r>
            <w:r w:rsidRPr="00474E4B">
              <w:t xml:space="preserve">i dezvoltarea </w:t>
            </w:r>
            <w:r w:rsidR="00474E4B" w:rsidRPr="00474E4B">
              <w:t>ș</w:t>
            </w:r>
            <w:r w:rsidRPr="00474E4B">
              <w:t>i consolidarea pie</w:t>
            </w:r>
            <w:r w:rsidR="00474E4B" w:rsidRPr="00474E4B">
              <w:t>ț</w:t>
            </w:r>
            <w:r w:rsidRPr="00474E4B">
              <w:t>elor de investi</w:t>
            </w:r>
            <w:r w:rsidR="00474E4B" w:rsidRPr="00474E4B">
              <w:t>ț</w:t>
            </w:r>
            <w:r w:rsidRPr="00474E4B">
              <w:t xml:space="preserve">ii sociale în </w:t>
            </w:r>
            <w:r w:rsidRPr="00474E4B">
              <w:rPr>
                <w:b/>
                <w:i/>
              </w:rPr>
              <w:t>domeniile</w:t>
            </w:r>
            <w:r w:rsidRPr="00474E4B">
              <w:t xml:space="preserve"> men</w:t>
            </w:r>
            <w:r w:rsidR="00474E4B" w:rsidRPr="00474E4B">
              <w:t>ț</w:t>
            </w:r>
            <w:r w:rsidRPr="00474E4B">
              <w:t>ionate la articolul 7 alineatul (1) litera (d).</w:t>
            </w:r>
          </w:p>
        </w:tc>
        <w:tc>
          <w:tcPr>
            <w:tcW w:w="4876" w:type="dxa"/>
            <w:hideMark/>
          </w:tcPr>
          <w:p w:rsidR="00CC45A9" w:rsidRPr="00474E4B" w:rsidRDefault="00CC45A9" w:rsidP="001D1851">
            <w:pPr>
              <w:pStyle w:val="Normal6"/>
              <w:rPr>
                <w:noProof/>
                <w:szCs w:val="24"/>
              </w:rPr>
            </w:pPr>
            <w:r w:rsidRPr="00474E4B">
              <w:t>(d)</w:t>
            </w:r>
            <w:r w:rsidRPr="00474E4B">
              <w:tab/>
            </w:r>
            <w:r w:rsidRPr="00474E4B">
              <w:rPr>
                <w:b/>
                <w:i/>
              </w:rPr>
              <w:t>facilitarea</w:t>
            </w:r>
            <w:r w:rsidRPr="00474E4B">
              <w:t xml:space="preserve"> accesului la </w:t>
            </w:r>
            <w:r w:rsidRPr="00474E4B">
              <w:rPr>
                <w:b/>
                <w:i/>
              </w:rPr>
              <w:t>microfinan</w:t>
            </w:r>
            <w:r w:rsidR="00474E4B" w:rsidRPr="00474E4B">
              <w:rPr>
                <w:b/>
                <w:i/>
              </w:rPr>
              <w:t>ț</w:t>
            </w:r>
            <w:r w:rsidRPr="00474E4B">
              <w:rPr>
                <w:b/>
                <w:i/>
              </w:rPr>
              <w:t>ări</w:t>
            </w:r>
            <w:r w:rsidRPr="00474E4B">
              <w:t xml:space="preserve"> </w:t>
            </w:r>
            <w:r w:rsidR="00474E4B" w:rsidRPr="00474E4B">
              <w:t>ș</w:t>
            </w:r>
            <w:r w:rsidRPr="00474E4B">
              <w:t xml:space="preserve">i </w:t>
            </w:r>
            <w:r w:rsidRPr="00474E4B">
              <w:rPr>
                <w:b/>
                <w:i/>
              </w:rPr>
              <w:t>finan</w:t>
            </w:r>
            <w:r w:rsidR="00474E4B" w:rsidRPr="00474E4B">
              <w:rPr>
                <w:b/>
                <w:i/>
              </w:rPr>
              <w:t>ț</w:t>
            </w:r>
            <w:r w:rsidRPr="00474E4B">
              <w:rPr>
                <w:b/>
                <w:i/>
              </w:rPr>
              <w:t>ări ale</w:t>
            </w:r>
            <w:r w:rsidRPr="00474E4B">
              <w:t xml:space="preserve"> întreprinderilor sociale, sprijinirea finan</w:t>
            </w:r>
            <w:r w:rsidR="00474E4B" w:rsidRPr="00474E4B">
              <w:t>ț</w:t>
            </w:r>
            <w:r w:rsidRPr="00474E4B">
              <w:t xml:space="preserve">ării </w:t>
            </w:r>
            <w:r w:rsidR="00474E4B" w:rsidRPr="00474E4B">
              <w:t>ș</w:t>
            </w:r>
            <w:r w:rsidRPr="00474E4B">
              <w:t>i a opera</w:t>
            </w:r>
            <w:r w:rsidR="00474E4B" w:rsidRPr="00474E4B">
              <w:t>ț</w:t>
            </w:r>
            <w:r w:rsidRPr="00474E4B">
              <w:t>iunilor de investi</w:t>
            </w:r>
            <w:r w:rsidR="00474E4B" w:rsidRPr="00474E4B">
              <w:t>ț</w:t>
            </w:r>
            <w:r w:rsidRPr="00474E4B">
              <w:t>ii legate de investi</w:t>
            </w:r>
            <w:r w:rsidR="00474E4B" w:rsidRPr="00474E4B">
              <w:t>ț</w:t>
            </w:r>
            <w:r w:rsidRPr="00474E4B">
              <w:t xml:space="preserve">iile </w:t>
            </w:r>
            <w:r w:rsidR="00474E4B" w:rsidRPr="00474E4B">
              <w:t>ș</w:t>
            </w:r>
            <w:r w:rsidRPr="00474E4B">
              <w:t>i competen</w:t>
            </w:r>
            <w:r w:rsidR="00474E4B" w:rsidRPr="00474E4B">
              <w:t>ț</w:t>
            </w:r>
            <w:r w:rsidRPr="00474E4B">
              <w:t xml:space="preserve">ele sociale </w:t>
            </w:r>
            <w:r w:rsidR="00474E4B" w:rsidRPr="00474E4B">
              <w:t>ș</w:t>
            </w:r>
            <w:r w:rsidRPr="00474E4B">
              <w:t xml:space="preserve">i dezvoltarea </w:t>
            </w:r>
            <w:r w:rsidR="00474E4B" w:rsidRPr="00474E4B">
              <w:t>ș</w:t>
            </w:r>
            <w:r w:rsidRPr="00474E4B">
              <w:t>i consolidarea pie</w:t>
            </w:r>
            <w:r w:rsidR="00474E4B" w:rsidRPr="00474E4B">
              <w:t>ț</w:t>
            </w:r>
            <w:r w:rsidRPr="00474E4B">
              <w:t>elor de investi</w:t>
            </w:r>
            <w:r w:rsidR="00474E4B" w:rsidRPr="00474E4B">
              <w:t>ț</w:t>
            </w:r>
            <w:r w:rsidRPr="00474E4B">
              <w:t xml:space="preserve">ii sociale în </w:t>
            </w:r>
            <w:r w:rsidRPr="00474E4B">
              <w:rPr>
                <w:b/>
                <w:i/>
              </w:rPr>
              <w:t>sectoarele</w:t>
            </w:r>
            <w:r w:rsidRPr="00474E4B">
              <w:t xml:space="preserve"> men</w:t>
            </w:r>
            <w:r w:rsidR="00474E4B" w:rsidRPr="00474E4B">
              <w:t>ț</w:t>
            </w:r>
            <w:r w:rsidRPr="00474E4B">
              <w:t>ionate la articolul 7 alineatul (1) litera (d).</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31</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Articolul 3 – alineatul 2 – litera da (nouă)</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tcPr>
          <w:p w:rsidR="00CC45A9" w:rsidRPr="00474E4B" w:rsidRDefault="00CC45A9" w:rsidP="001D1851">
            <w:pPr>
              <w:pStyle w:val="Normal6"/>
              <w:rPr>
                <w:noProof/>
              </w:rPr>
            </w:pPr>
            <w:r w:rsidRPr="00474E4B">
              <w:rPr>
                <w:b/>
                <w:i/>
              </w:rPr>
              <w:t>(da)</w:t>
            </w:r>
            <w:r w:rsidRPr="00474E4B">
              <w:tab/>
            </w:r>
            <w:r w:rsidRPr="00474E4B">
              <w:rPr>
                <w:b/>
                <w:i/>
              </w:rPr>
              <w:t>îmbunătă</w:t>
            </w:r>
            <w:r w:rsidR="00474E4B" w:rsidRPr="00474E4B">
              <w:rPr>
                <w:b/>
                <w:i/>
              </w:rPr>
              <w:t>ț</w:t>
            </w:r>
            <w:r w:rsidRPr="00474E4B">
              <w:rPr>
                <w:b/>
                <w:i/>
              </w:rPr>
              <w:t xml:space="preserve">irea bunăstării în UE prin reducerea sărăciei </w:t>
            </w:r>
            <w:r w:rsidR="00474E4B" w:rsidRPr="00474E4B">
              <w:rPr>
                <w:b/>
                <w:i/>
              </w:rPr>
              <w:t>ș</w:t>
            </w:r>
            <w:r w:rsidRPr="00474E4B">
              <w:rPr>
                <w:b/>
                <w:i/>
              </w:rPr>
              <w:t>i facilitarea unei distribu</w:t>
            </w:r>
            <w:r w:rsidR="00474E4B" w:rsidRPr="00474E4B">
              <w:rPr>
                <w:b/>
                <w:i/>
              </w:rPr>
              <w:t>ț</w:t>
            </w:r>
            <w:r w:rsidRPr="00474E4B">
              <w:rPr>
                <w:b/>
                <w:i/>
              </w:rPr>
              <w:t>ii mai echitabile a veniturilor;</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32</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3 – alineatul 2 – litera db (nouă)</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rPr>
              <w:t>(db)</w:t>
            </w:r>
            <w:r w:rsidRPr="00474E4B">
              <w:rPr>
                <w:b/>
                <w:i/>
              </w:rPr>
              <w:tab/>
              <w:t>sprijinirea investi</w:t>
            </w:r>
            <w:r w:rsidR="00474E4B" w:rsidRPr="00474E4B">
              <w:rPr>
                <w:b/>
                <w:i/>
              </w:rPr>
              <w:t>ț</w:t>
            </w:r>
            <w:r w:rsidRPr="00474E4B">
              <w:rPr>
                <w:b/>
                <w:i/>
              </w:rPr>
              <w:t xml:space="preserve">iilor în active corporale </w:t>
            </w:r>
            <w:r w:rsidR="00474E4B" w:rsidRPr="00474E4B">
              <w:rPr>
                <w:b/>
                <w:i/>
              </w:rPr>
              <w:t>ș</w:t>
            </w:r>
            <w:r w:rsidRPr="00474E4B">
              <w:rPr>
                <w:b/>
                <w:i/>
              </w:rPr>
              <w:t>i necorporale pentru stimularea cre</w:t>
            </w:r>
            <w:r w:rsidR="00474E4B" w:rsidRPr="00474E4B">
              <w:rPr>
                <w:b/>
                <w:i/>
              </w:rPr>
              <w:t>ș</w:t>
            </w:r>
            <w:r w:rsidRPr="00474E4B">
              <w:rPr>
                <w:b/>
                <w:i/>
              </w:rPr>
              <w:t>terii, a investi</w:t>
            </w:r>
            <w:r w:rsidR="00474E4B" w:rsidRPr="00474E4B">
              <w:rPr>
                <w:b/>
                <w:i/>
              </w:rPr>
              <w:t>ț</w:t>
            </w:r>
            <w:r w:rsidRPr="00474E4B">
              <w:rPr>
                <w:b/>
                <w:i/>
              </w:rPr>
              <w:t xml:space="preserve">iilor </w:t>
            </w:r>
            <w:r w:rsidR="00474E4B" w:rsidRPr="00474E4B">
              <w:rPr>
                <w:b/>
                <w:i/>
              </w:rPr>
              <w:t>ș</w:t>
            </w:r>
            <w:r w:rsidRPr="00474E4B">
              <w:rPr>
                <w:b/>
                <w:i/>
              </w:rPr>
              <w:t>i a ocupării for</w:t>
            </w:r>
            <w:r w:rsidR="00474E4B" w:rsidRPr="00474E4B">
              <w:rPr>
                <w:b/>
                <w:i/>
              </w:rPr>
              <w:t>ț</w:t>
            </w:r>
            <w:r w:rsidRPr="00474E4B">
              <w:rPr>
                <w:b/>
                <w:i/>
              </w:rPr>
              <w:t>ei de muncă;</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rPr>
          <w:noProof/>
        </w:rPr>
      </w:pP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33</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4 – alineatul 1 – paragraful 1</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Garan</w:t>
            </w:r>
            <w:r w:rsidR="00474E4B" w:rsidRPr="00474E4B">
              <w:t>ț</w:t>
            </w:r>
            <w:r w:rsidRPr="00474E4B">
              <w:t>ia UE destinată compartimentului pentru UE men</w:t>
            </w:r>
            <w:r w:rsidR="00474E4B" w:rsidRPr="00474E4B">
              <w:t>ț</w:t>
            </w:r>
            <w:r w:rsidRPr="00474E4B">
              <w:t>ionat la articolul 8 alineatul (1) litera (a) este de 38 000 000 000 EUR (în pre</w:t>
            </w:r>
            <w:r w:rsidR="00474E4B" w:rsidRPr="00474E4B">
              <w:t>ț</w:t>
            </w:r>
            <w:r w:rsidRPr="00474E4B">
              <w:t xml:space="preserve">uri curente). </w:t>
            </w:r>
            <w:r w:rsidRPr="00474E4B">
              <w:lastRenderedPageBreak/>
              <w:t>Este provizionat la o rată de 40</w:t>
            </w:r>
            <w:r w:rsidRPr="00474E4B">
              <w:rPr>
                <w:b/>
                <w:i/>
              </w:rPr>
              <w:t> </w:t>
            </w:r>
            <w:r w:rsidRPr="00474E4B">
              <w:t>%.</w:t>
            </w:r>
          </w:p>
        </w:tc>
        <w:tc>
          <w:tcPr>
            <w:tcW w:w="4876" w:type="dxa"/>
            <w:hideMark/>
          </w:tcPr>
          <w:p w:rsidR="00CC45A9" w:rsidRPr="00474E4B" w:rsidRDefault="00CC45A9" w:rsidP="001D1851">
            <w:pPr>
              <w:pStyle w:val="Normal6"/>
              <w:rPr>
                <w:noProof/>
                <w:szCs w:val="24"/>
              </w:rPr>
            </w:pPr>
            <w:r w:rsidRPr="00474E4B">
              <w:lastRenderedPageBreak/>
              <w:t>Garan</w:t>
            </w:r>
            <w:r w:rsidR="00474E4B" w:rsidRPr="00474E4B">
              <w:t>ț</w:t>
            </w:r>
            <w:r w:rsidRPr="00474E4B">
              <w:t>ia UE destinată compartimentului pentru UE men</w:t>
            </w:r>
            <w:r w:rsidR="00474E4B" w:rsidRPr="00474E4B">
              <w:t>ț</w:t>
            </w:r>
            <w:r w:rsidRPr="00474E4B">
              <w:t>ionat la articolul 8 alineatul (1) litera (a) este de 38 000 000 000 EUR (în pre</w:t>
            </w:r>
            <w:r w:rsidR="00474E4B" w:rsidRPr="00474E4B">
              <w:t>ț</w:t>
            </w:r>
            <w:r w:rsidRPr="00474E4B">
              <w:t xml:space="preserve">uri curente). </w:t>
            </w:r>
            <w:r w:rsidRPr="00474E4B">
              <w:lastRenderedPageBreak/>
              <w:t>Este provizionat la o rată de 40</w:t>
            </w:r>
            <w:r w:rsidRPr="00474E4B">
              <w:rPr>
                <w:b/>
                <w:i/>
              </w:rPr>
              <w:t xml:space="preserve"> </w:t>
            </w:r>
            <w:r w:rsidRPr="00474E4B">
              <w:t>%</w:t>
            </w:r>
            <w:r w:rsidRPr="00474E4B">
              <w:rPr>
                <w:b/>
                <w:i/>
              </w:rPr>
              <w:t>, adică 15 200 000 000 EUR (13 065 000 000 în pre</w:t>
            </w:r>
            <w:r w:rsidR="00474E4B" w:rsidRPr="00474E4B">
              <w:rPr>
                <w:b/>
                <w:i/>
              </w:rPr>
              <w:t>ț</w:t>
            </w:r>
            <w:r w:rsidRPr="00474E4B">
              <w:rPr>
                <w:b/>
                <w:i/>
              </w:rPr>
              <w:t>uri curente)</w:t>
            </w:r>
            <w:r w:rsidRPr="00474E4B">
              <w:t>.</w:t>
            </w:r>
          </w:p>
        </w:tc>
      </w:tr>
    </w:tbl>
    <w:p w:rsidR="00CC45A9" w:rsidRPr="00474E4B" w:rsidRDefault="00CC45A9" w:rsidP="00CC45A9">
      <w:pPr>
        <w:rPr>
          <w:rStyle w:val="HideTWBExt"/>
          <w:color w:val="auto"/>
        </w:rPr>
      </w:pPr>
      <w:r w:rsidRPr="00474E4B">
        <w:rPr>
          <w:rStyle w:val="HideTWBExt"/>
        </w:rPr>
        <w:lastRenderedPageBreak/>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34</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4 – alineatul 1 – paragraful 2</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Un cuantum suplimentar al garan</w:t>
            </w:r>
            <w:r w:rsidR="00474E4B" w:rsidRPr="00474E4B">
              <w:t>ț</w:t>
            </w:r>
            <w:r w:rsidRPr="00474E4B">
              <w:t>iei UE poate fi furnizat în pentru compartimentul pentru statele membre men</w:t>
            </w:r>
            <w:r w:rsidR="00474E4B" w:rsidRPr="00474E4B">
              <w:t>ț</w:t>
            </w:r>
            <w:r w:rsidRPr="00474E4B">
              <w:t>ionat la articolul</w:t>
            </w:r>
            <w:r w:rsidRPr="00474E4B">
              <w:rPr>
                <w:b/>
                <w:i/>
              </w:rPr>
              <w:t> </w:t>
            </w:r>
            <w:r w:rsidRPr="00474E4B">
              <w:t>8 alineatul</w:t>
            </w:r>
            <w:r w:rsidRPr="00474E4B">
              <w:rPr>
                <w:b/>
                <w:i/>
              </w:rPr>
              <w:t> </w:t>
            </w:r>
            <w:r w:rsidRPr="00474E4B">
              <w:t>(1) litera</w:t>
            </w:r>
            <w:r w:rsidRPr="00474E4B">
              <w:rPr>
                <w:b/>
                <w:i/>
              </w:rPr>
              <w:t> </w:t>
            </w:r>
            <w:r w:rsidRPr="00474E4B">
              <w:t>(b), sub rezerva alocării de către statele membre, în conformitate cu [articolul</w:t>
            </w:r>
            <w:r w:rsidRPr="00474E4B">
              <w:rPr>
                <w:b/>
                <w:i/>
              </w:rPr>
              <w:t> </w:t>
            </w:r>
            <w:r w:rsidRPr="00474E4B">
              <w:t>10 alineatul</w:t>
            </w:r>
            <w:r w:rsidRPr="00474E4B">
              <w:rPr>
                <w:b/>
                <w:i/>
              </w:rPr>
              <w:t> </w:t>
            </w:r>
            <w:r w:rsidRPr="00474E4B">
              <w:t>(1)] din Regulamentul [[RDC]</w:t>
            </w:r>
            <w:r w:rsidRPr="00474E4B">
              <w:rPr>
                <w:b/>
                <w:i/>
              </w:rPr>
              <w:t>28</w:t>
            </w:r>
            <w:r w:rsidRPr="00474E4B">
              <w:t xml:space="preserve"> numărul] </w:t>
            </w:r>
            <w:r w:rsidR="00474E4B" w:rsidRPr="00474E4B">
              <w:t>ș</w:t>
            </w:r>
            <w:r w:rsidRPr="00474E4B">
              <w:t>i articolul</w:t>
            </w:r>
            <w:r w:rsidRPr="00474E4B">
              <w:rPr>
                <w:b/>
                <w:i/>
              </w:rPr>
              <w:t> </w:t>
            </w:r>
            <w:r w:rsidRPr="00474E4B">
              <w:t>[75 alineatul</w:t>
            </w:r>
            <w:r w:rsidRPr="00474E4B">
              <w:rPr>
                <w:b/>
                <w:i/>
              </w:rPr>
              <w:t> </w:t>
            </w:r>
            <w:r w:rsidRPr="00474E4B">
              <w:t>(1)] din Regulamentul [[planul PAC] numărul]</w:t>
            </w:r>
            <w:r w:rsidRPr="00474E4B">
              <w:rPr>
                <w:b/>
                <w:i/>
              </w:rPr>
              <w:t>29</w:t>
            </w:r>
            <w:r w:rsidRPr="00474E4B">
              <w:t>, a sumelor corespunzătoare.</w:t>
            </w:r>
          </w:p>
        </w:tc>
        <w:tc>
          <w:tcPr>
            <w:tcW w:w="4876" w:type="dxa"/>
            <w:hideMark/>
          </w:tcPr>
          <w:p w:rsidR="00CC45A9" w:rsidRPr="00474E4B" w:rsidRDefault="00CC45A9" w:rsidP="001D1851">
            <w:pPr>
              <w:pStyle w:val="Normal6"/>
              <w:rPr>
                <w:noProof/>
                <w:szCs w:val="24"/>
              </w:rPr>
            </w:pPr>
            <w:r w:rsidRPr="00474E4B">
              <w:t>Un cuantum suplimentar al garan</w:t>
            </w:r>
            <w:r w:rsidR="00474E4B" w:rsidRPr="00474E4B">
              <w:t>ț</w:t>
            </w:r>
            <w:r w:rsidRPr="00474E4B">
              <w:t>iei UE poate fi furnizat pentru compartimentul pentru statele membre men</w:t>
            </w:r>
            <w:r w:rsidR="00474E4B" w:rsidRPr="00474E4B">
              <w:t>ț</w:t>
            </w:r>
            <w:r w:rsidRPr="00474E4B">
              <w:t>ionat la articolul</w:t>
            </w:r>
            <w:r w:rsidRPr="00474E4B">
              <w:rPr>
                <w:b/>
                <w:i/>
              </w:rPr>
              <w:t xml:space="preserve"> </w:t>
            </w:r>
            <w:r w:rsidRPr="00474E4B">
              <w:t>8 alineatul</w:t>
            </w:r>
            <w:r w:rsidRPr="00474E4B">
              <w:rPr>
                <w:b/>
                <w:i/>
              </w:rPr>
              <w:t xml:space="preserve"> </w:t>
            </w:r>
            <w:r w:rsidRPr="00474E4B">
              <w:t>(1) litera</w:t>
            </w:r>
            <w:r w:rsidRPr="00474E4B">
              <w:rPr>
                <w:b/>
                <w:i/>
              </w:rPr>
              <w:t xml:space="preserve"> </w:t>
            </w:r>
            <w:r w:rsidRPr="00474E4B">
              <w:t>(b), sub rezerva alocării de către</w:t>
            </w:r>
            <w:r w:rsidRPr="00474E4B">
              <w:rPr>
                <w:b/>
                <w:i/>
              </w:rPr>
              <w:t xml:space="preserve"> autorită</w:t>
            </w:r>
            <w:r w:rsidR="00474E4B" w:rsidRPr="00474E4B">
              <w:rPr>
                <w:b/>
                <w:i/>
              </w:rPr>
              <w:t>ț</w:t>
            </w:r>
            <w:r w:rsidRPr="00474E4B">
              <w:rPr>
                <w:b/>
                <w:i/>
              </w:rPr>
              <w:t>ile na</w:t>
            </w:r>
            <w:r w:rsidR="00474E4B" w:rsidRPr="00474E4B">
              <w:rPr>
                <w:b/>
                <w:i/>
              </w:rPr>
              <w:t>ț</w:t>
            </w:r>
            <w:r w:rsidRPr="00474E4B">
              <w:rPr>
                <w:b/>
                <w:i/>
              </w:rPr>
              <w:t>ionale sau regionale din</w:t>
            </w:r>
            <w:r w:rsidRPr="00474E4B">
              <w:t xml:space="preserve"> statele membre, în conformitate cu [articolul</w:t>
            </w:r>
            <w:r w:rsidRPr="00474E4B">
              <w:rPr>
                <w:b/>
                <w:i/>
              </w:rPr>
              <w:t xml:space="preserve"> </w:t>
            </w:r>
            <w:r w:rsidRPr="00474E4B">
              <w:t>10 alineatul</w:t>
            </w:r>
            <w:r w:rsidRPr="00474E4B">
              <w:rPr>
                <w:b/>
                <w:i/>
              </w:rPr>
              <w:t xml:space="preserve"> </w:t>
            </w:r>
            <w:r w:rsidRPr="00474E4B">
              <w:t>(1)] din Regulamentul [[RDC] numărul]</w:t>
            </w:r>
            <w:r w:rsidRPr="00474E4B">
              <w:rPr>
                <w:b/>
                <w:i/>
                <w:vertAlign w:val="superscript"/>
              </w:rPr>
              <w:t>1a</w:t>
            </w:r>
            <w:r w:rsidRPr="00474E4B">
              <w:t xml:space="preserve"> </w:t>
            </w:r>
            <w:r w:rsidR="00474E4B" w:rsidRPr="00474E4B">
              <w:t>ș</w:t>
            </w:r>
            <w:r w:rsidRPr="00474E4B">
              <w:t>i articolul</w:t>
            </w:r>
            <w:r w:rsidRPr="00474E4B">
              <w:rPr>
                <w:b/>
                <w:i/>
              </w:rPr>
              <w:t xml:space="preserve"> </w:t>
            </w:r>
            <w:r w:rsidRPr="00474E4B">
              <w:t>[75 alineatul</w:t>
            </w:r>
            <w:r w:rsidRPr="00474E4B">
              <w:rPr>
                <w:b/>
                <w:i/>
              </w:rPr>
              <w:t xml:space="preserve"> </w:t>
            </w:r>
            <w:r w:rsidRPr="00474E4B">
              <w:t>(1)] din Regulamentul [[planul PAC] numărul]</w:t>
            </w:r>
            <w:r w:rsidRPr="00474E4B">
              <w:rPr>
                <w:b/>
                <w:i/>
                <w:vertAlign w:val="superscript"/>
              </w:rPr>
              <w:t>1b</w:t>
            </w:r>
            <w:r w:rsidRPr="00474E4B">
              <w:rPr>
                <w:b/>
                <w:i/>
              </w:rPr>
              <w:t xml:space="preserve"> </w:t>
            </w:r>
            <w:r w:rsidRPr="00474E4B">
              <w:t>, a sumelor corespunzătoare.</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__________________</w:t>
            </w:r>
          </w:p>
        </w:tc>
        <w:tc>
          <w:tcPr>
            <w:tcW w:w="4876" w:type="dxa"/>
            <w:hideMark/>
          </w:tcPr>
          <w:p w:rsidR="00CC45A9" w:rsidRPr="00474E4B" w:rsidRDefault="00CC45A9" w:rsidP="001D1851">
            <w:pPr>
              <w:pStyle w:val="Normal6"/>
              <w:rPr>
                <w:noProof/>
                <w:szCs w:val="24"/>
              </w:rPr>
            </w:pPr>
            <w:r w:rsidRPr="00474E4B">
              <w:t>__________________</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vertAlign w:val="superscript"/>
              </w:rPr>
              <w:t>1a</w:t>
            </w:r>
            <w:r w:rsidRPr="00474E4B">
              <w:rPr>
                <w:b/>
                <w:i/>
              </w:rPr>
              <w:t xml:space="preserve"> A se completa</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vertAlign w:val="superscript"/>
              </w:rPr>
              <w:t>1b</w:t>
            </w:r>
            <w:r w:rsidRPr="00474E4B">
              <w:rPr>
                <w:b/>
                <w:i/>
              </w:rPr>
              <w:t xml:space="preserve"> A se completa</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rPr>
                <w:b/>
                <w:i/>
                <w:vertAlign w:val="superscript"/>
              </w:rPr>
              <w:t>28</w:t>
            </w:r>
            <w:r w:rsidRPr="00474E4B">
              <w:t xml:space="preserve"> </w:t>
            </w:r>
          </w:p>
        </w:tc>
        <w:tc>
          <w:tcPr>
            <w:tcW w:w="4876" w:type="dxa"/>
          </w:tcPr>
          <w:p w:rsidR="00CC45A9" w:rsidRPr="00474E4B" w:rsidRDefault="00CC45A9" w:rsidP="001D1851">
            <w:pPr>
              <w:pStyle w:val="Normal6"/>
              <w:rPr>
                <w:noProof/>
                <w:szCs w:val="24"/>
              </w:rPr>
            </w:pP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rPr>
                <w:b/>
                <w:i/>
                <w:vertAlign w:val="superscript"/>
              </w:rPr>
              <w:t>29</w:t>
            </w:r>
            <w:r w:rsidRPr="00474E4B">
              <w:t xml:space="preserve"> </w:t>
            </w:r>
          </w:p>
        </w:tc>
        <w:tc>
          <w:tcPr>
            <w:tcW w:w="4876" w:type="dxa"/>
          </w:tcPr>
          <w:p w:rsidR="00CC45A9" w:rsidRPr="00474E4B" w:rsidRDefault="00CC45A9" w:rsidP="001D1851">
            <w:pPr>
              <w:pStyle w:val="Normal6"/>
              <w:rPr>
                <w:noProof/>
                <w:szCs w:val="24"/>
              </w:rPr>
            </w:pP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35</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4 b – alineatul 2</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2.</w:t>
            </w:r>
            <w:r w:rsidRPr="00474E4B">
              <w:tab/>
              <w:t>Repartizarea orientativă a sumei men</w:t>
            </w:r>
            <w:r w:rsidR="00474E4B" w:rsidRPr="00474E4B">
              <w:t>ț</w:t>
            </w:r>
            <w:r w:rsidRPr="00474E4B">
              <w:t>ionate la alineatul (1) primul paragraf este stabilită în anexa I la prezentul regulament. Comisia poate modifica sumele men</w:t>
            </w:r>
            <w:r w:rsidR="00474E4B" w:rsidRPr="00474E4B">
              <w:t>ț</w:t>
            </w:r>
            <w:r w:rsidRPr="00474E4B">
              <w:t xml:space="preserve">ionate în respectiva anexă I, după caz, cu până la 15 % pentru fiecare obiectiv. Comisia informează Consiliul </w:t>
            </w:r>
            <w:r w:rsidR="00474E4B" w:rsidRPr="00474E4B">
              <w:t>ș</w:t>
            </w:r>
            <w:r w:rsidRPr="00474E4B">
              <w:t>i Parlamentul European cu privire la orice modificare survenită.</w:t>
            </w:r>
          </w:p>
        </w:tc>
        <w:tc>
          <w:tcPr>
            <w:tcW w:w="4876" w:type="dxa"/>
            <w:hideMark/>
          </w:tcPr>
          <w:p w:rsidR="00CC45A9" w:rsidRPr="00474E4B" w:rsidRDefault="00CC45A9" w:rsidP="001D1851">
            <w:pPr>
              <w:pStyle w:val="Normal6"/>
              <w:rPr>
                <w:noProof/>
                <w:szCs w:val="24"/>
              </w:rPr>
            </w:pPr>
            <w:r w:rsidRPr="00474E4B">
              <w:t>2.</w:t>
            </w:r>
            <w:r w:rsidRPr="00474E4B">
              <w:tab/>
              <w:t>Repartizarea orientativă a sumei men</w:t>
            </w:r>
            <w:r w:rsidR="00474E4B" w:rsidRPr="00474E4B">
              <w:t>ț</w:t>
            </w:r>
            <w:r w:rsidRPr="00474E4B">
              <w:t>ionate la alineatul (1) primul paragraf este stabilită în anexa I la prezentul regulament. Comisia poate modifica sumele men</w:t>
            </w:r>
            <w:r w:rsidR="00474E4B" w:rsidRPr="00474E4B">
              <w:t>ț</w:t>
            </w:r>
            <w:r w:rsidRPr="00474E4B">
              <w:t xml:space="preserve">ionate în respectiva anexă I, după caz, cu până la 15 % pentru fiecare obiectiv. Comisia informează Consiliul </w:t>
            </w:r>
            <w:r w:rsidR="00474E4B" w:rsidRPr="00474E4B">
              <w:t>ș</w:t>
            </w:r>
            <w:r w:rsidRPr="00474E4B">
              <w:t>i Parlamentul European cu privire la orice modificare survenită.</w:t>
            </w:r>
          </w:p>
        </w:tc>
      </w:tr>
    </w:tbl>
    <w:p w:rsidR="00CC45A9" w:rsidRPr="00474E4B" w:rsidRDefault="00CC45A9" w:rsidP="00CC45A9">
      <w:pPr>
        <w:rPr>
          <w:rStyle w:val="HideTWBExt"/>
          <w:color w:val="auto"/>
        </w:rPr>
      </w:pPr>
      <w:r w:rsidRPr="00474E4B">
        <w:rPr>
          <w:rStyle w:val="HideTWBExt"/>
        </w:rPr>
        <w:lastRenderedPageBreak/>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36</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4 – alineatul 2 a (nou)</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rPr>
              <w:t>2a.</w:t>
            </w:r>
            <w:r w:rsidRPr="00474E4B">
              <w:rPr>
                <w:b/>
                <w:i/>
              </w:rPr>
              <w:tab/>
              <w:t>În cazul în care sunt necesare noi provizioane, acestea se deduc din marjele bugetului anual al Uniunii sau din Instrumentul de flexibilitate, însă în niciun caz din linii bugetare sau din fonduri alocate în prealabil.</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37</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4 – alineatul 4</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4.</w:t>
            </w:r>
            <w:r w:rsidRPr="00474E4B">
              <w:tab/>
              <w:t>Cuantumul men</w:t>
            </w:r>
            <w:r w:rsidR="00474E4B" w:rsidRPr="00474E4B">
              <w:t>ț</w:t>
            </w:r>
            <w:r w:rsidRPr="00474E4B">
              <w:t>ionat la alineatul</w:t>
            </w:r>
            <w:r w:rsidRPr="00474E4B">
              <w:rPr>
                <w:b/>
                <w:i/>
              </w:rPr>
              <w:t> </w:t>
            </w:r>
            <w:r w:rsidRPr="00474E4B">
              <w:t>(3) poate fi utilizat, de asemenea, pentru asisten</w:t>
            </w:r>
            <w:r w:rsidR="00474E4B" w:rsidRPr="00474E4B">
              <w:t>ț</w:t>
            </w:r>
            <w:r w:rsidRPr="00474E4B">
              <w:t xml:space="preserve">ă tehnică </w:t>
            </w:r>
            <w:r w:rsidR="00474E4B" w:rsidRPr="00474E4B">
              <w:t>ș</w:t>
            </w:r>
            <w:r w:rsidRPr="00474E4B">
              <w:t>i administrativă pentru punerea în aplicare a Programului InvestEU, cum ar fi activită</w:t>
            </w:r>
            <w:r w:rsidR="00474E4B" w:rsidRPr="00474E4B">
              <w:t>ț</w:t>
            </w:r>
            <w:r w:rsidRPr="00474E4B">
              <w:t xml:space="preserve">ile de pregătire, monitorizare, control, audit </w:t>
            </w:r>
            <w:r w:rsidR="00474E4B" w:rsidRPr="00474E4B">
              <w:t>ș</w:t>
            </w:r>
            <w:r w:rsidRPr="00474E4B">
              <w:t>i evaluare, inclusiv sistemele corporative de tehnologie a informa</w:t>
            </w:r>
            <w:r w:rsidR="00474E4B" w:rsidRPr="00474E4B">
              <w:t>ț</w:t>
            </w:r>
            <w:r w:rsidRPr="00474E4B">
              <w:t>iilor.</w:t>
            </w:r>
          </w:p>
        </w:tc>
        <w:tc>
          <w:tcPr>
            <w:tcW w:w="4876" w:type="dxa"/>
            <w:hideMark/>
          </w:tcPr>
          <w:p w:rsidR="00CC45A9" w:rsidRPr="00474E4B" w:rsidRDefault="00CC45A9" w:rsidP="001D1851">
            <w:pPr>
              <w:pStyle w:val="Normal6"/>
              <w:rPr>
                <w:noProof/>
                <w:szCs w:val="24"/>
              </w:rPr>
            </w:pPr>
            <w:r w:rsidRPr="00474E4B">
              <w:t>4.</w:t>
            </w:r>
            <w:r w:rsidRPr="00474E4B">
              <w:tab/>
              <w:t>Cuantumul men</w:t>
            </w:r>
            <w:r w:rsidR="00474E4B" w:rsidRPr="00474E4B">
              <w:t>ț</w:t>
            </w:r>
            <w:r w:rsidRPr="00474E4B">
              <w:t>ionat la alineatul</w:t>
            </w:r>
            <w:r w:rsidRPr="00474E4B">
              <w:rPr>
                <w:b/>
                <w:i/>
              </w:rPr>
              <w:t xml:space="preserve"> </w:t>
            </w:r>
            <w:r w:rsidRPr="00474E4B">
              <w:t>(3) poate fi utilizat, de asemenea, pentru asisten</w:t>
            </w:r>
            <w:r w:rsidR="00474E4B" w:rsidRPr="00474E4B">
              <w:t>ț</w:t>
            </w:r>
            <w:r w:rsidRPr="00474E4B">
              <w:t xml:space="preserve">ă tehnică </w:t>
            </w:r>
            <w:r w:rsidR="00474E4B" w:rsidRPr="00474E4B">
              <w:t>ș</w:t>
            </w:r>
            <w:r w:rsidRPr="00474E4B">
              <w:t>i administrativă pentru punerea în aplicare a Programului InvestEU, cum ar fi activită</w:t>
            </w:r>
            <w:r w:rsidR="00474E4B" w:rsidRPr="00474E4B">
              <w:t>ț</w:t>
            </w:r>
            <w:r w:rsidRPr="00474E4B">
              <w:t>ile de</w:t>
            </w:r>
            <w:r w:rsidRPr="00474E4B">
              <w:rPr>
                <w:b/>
                <w:i/>
              </w:rPr>
              <w:t xml:space="preserve"> informare, formare,</w:t>
            </w:r>
            <w:r w:rsidRPr="00474E4B">
              <w:t xml:space="preserve"> pregătire, monitorizare, control, audit </w:t>
            </w:r>
            <w:r w:rsidR="00474E4B" w:rsidRPr="00474E4B">
              <w:t>ș</w:t>
            </w:r>
            <w:r w:rsidRPr="00474E4B">
              <w:t>i evaluare, inclusiv sistemele corporative de tehnologie a informa</w:t>
            </w:r>
            <w:r w:rsidR="00474E4B" w:rsidRPr="00474E4B">
              <w:t>ț</w:t>
            </w:r>
            <w:r w:rsidRPr="00474E4B">
              <w:t>iilor.</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38</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Articolul 5 – paragraful 1 – litera b</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b)</w:t>
            </w:r>
            <w:r w:rsidRPr="00474E4B">
              <w:tab/>
            </w:r>
            <w:r w:rsidR="00474E4B" w:rsidRPr="00474E4B">
              <w:t>ț</w:t>
            </w:r>
            <w:r w:rsidRPr="00474E4B">
              <w:t>ările în curs de aderare</w:t>
            </w:r>
            <w:r w:rsidRPr="00474E4B">
              <w:rPr>
                <w:b/>
                <w:i/>
              </w:rPr>
              <w:t>,</w:t>
            </w:r>
            <w:r w:rsidRPr="00474E4B">
              <w:t xml:space="preserve"> </w:t>
            </w:r>
            <w:r w:rsidR="00474E4B" w:rsidRPr="00474E4B">
              <w:t>ț</w:t>
            </w:r>
            <w:r w:rsidRPr="00474E4B">
              <w:t>ările candidate</w:t>
            </w:r>
            <w:r w:rsidRPr="00474E4B">
              <w:rPr>
                <w:b/>
                <w:i/>
              </w:rPr>
              <w:t xml:space="preserve"> </w:t>
            </w:r>
            <w:r w:rsidR="00474E4B" w:rsidRPr="00474E4B">
              <w:rPr>
                <w:b/>
                <w:i/>
              </w:rPr>
              <w:t>ș</w:t>
            </w:r>
            <w:r w:rsidRPr="00474E4B">
              <w:rPr>
                <w:b/>
                <w:i/>
              </w:rPr>
              <w:t>i poten</w:t>
            </w:r>
            <w:r w:rsidR="00474E4B" w:rsidRPr="00474E4B">
              <w:rPr>
                <w:b/>
                <w:i/>
              </w:rPr>
              <w:t>ț</w:t>
            </w:r>
            <w:r w:rsidRPr="00474E4B">
              <w:rPr>
                <w:b/>
                <w:i/>
              </w:rPr>
              <w:t>ialii candida</w:t>
            </w:r>
            <w:r w:rsidR="00474E4B" w:rsidRPr="00474E4B">
              <w:rPr>
                <w:b/>
                <w:i/>
              </w:rPr>
              <w:t>ț</w:t>
            </w:r>
            <w:r w:rsidRPr="00474E4B">
              <w:rPr>
                <w:b/>
                <w:i/>
              </w:rPr>
              <w:t>i</w:t>
            </w:r>
            <w:r w:rsidRPr="00474E4B">
              <w:t xml:space="preserve">, în conformitate cu principiile generale </w:t>
            </w:r>
            <w:r w:rsidR="00474E4B" w:rsidRPr="00474E4B">
              <w:t>ș</w:t>
            </w:r>
            <w:r w:rsidRPr="00474E4B">
              <w:t xml:space="preserve">i cu termenele </w:t>
            </w:r>
            <w:r w:rsidR="00474E4B" w:rsidRPr="00474E4B">
              <w:t>ș</w:t>
            </w:r>
            <w:r w:rsidRPr="00474E4B">
              <w:t>i condi</w:t>
            </w:r>
            <w:r w:rsidR="00474E4B" w:rsidRPr="00474E4B">
              <w:t>ț</w:t>
            </w:r>
            <w:r w:rsidRPr="00474E4B">
              <w:t xml:space="preserve">iile generale de participare a acestora la programele Uniunii instituite prin acordurile-cadru </w:t>
            </w:r>
            <w:r w:rsidR="00474E4B" w:rsidRPr="00474E4B">
              <w:t>ș</w:t>
            </w:r>
            <w:r w:rsidRPr="00474E4B">
              <w:t xml:space="preserve">i deciziile Consiliului de asociere corespunzătoare sau prin alte acorduri similare </w:t>
            </w:r>
            <w:r w:rsidR="00474E4B" w:rsidRPr="00474E4B">
              <w:t>ș</w:t>
            </w:r>
            <w:r w:rsidRPr="00474E4B">
              <w:t>i în conformitate cu condi</w:t>
            </w:r>
            <w:r w:rsidR="00474E4B" w:rsidRPr="00474E4B">
              <w:t>ț</w:t>
            </w:r>
            <w:r w:rsidRPr="00474E4B">
              <w:t xml:space="preserve">iile specifice prevăzute în acordurile dintre </w:t>
            </w:r>
            <w:r w:rsidRPr="00474E4B">
              <w:lastRenderedPageBreak/>
              <w:t xml:space="preserve">Uniune </w:t>
            </w:r>
            <w:r w:rsidR="00474E4B" w:rsidRPr="00474E4B">
              <w:t>ș</w:t>
            </w:r>
            <w:r w:rsidRPr="00474E4B">
              <w:t>i ace</w:t>
            </w:r>
            <w:r w:rsidR="00474E4B" w:rsidRPr="00474E4B">
              <w:t>ș</w:t>
            </w:r>
            <w:r w:rsidRPr="00474E4B">
              <w:t>tia;</w:t>
            </w:r>
          </w:p>
        </w:tc>
        <w:tc>
          <w:tcPr>
            <w:tcW w:w="4876" w:type="dxa"/>
          </w:tcPr>
          <w:p w:rsidR="00CC45A9" w:rsidRPr="00474E4B" w:rsidRDefault="00CC45A9" w:rsidP="001D1851">
            <w:pPr>
              <w:pStyle w:val="Normal6"/>
              <w:rPr>
                <w:noProof/>
              </w:rPr>
            </w:pPr>
            <w:r w:rsidRPr="00474E4B">
              <w:lastRenderedPageBreak/>
              <w:t>(b)</w:t>
            </w:r>
            <w:r w:rsidRPr="00474E4B">
              <w:tab/>
            </w:r>
            <w:r w:rsidR="00474E4B" w:rsidRPr="00474E4B">
              <w:t>ț</w:t>
            </w:r>
            <w:r w:rsidRPr="00474E4B">
              <w:t>ările în curs de aderare</w:t>
            </w:r>
            <w:r w:rsidRPr="00474E4B">
              <w:rPr>
                <w:b/>
                <w:i/>
              </w:rPr>
              <w:t xml:space="preserve"> </w:t>
            </w:r>
            <w:r w:rsidR="00474E4B" w:rsidRPr="00474E4B">
              <w:rPr>
                <w:b/>
                <w:i/>
              </w:rPr>
              <w:t>ș</w:t>
            </w:r>
            <w:r w:rsidRPr="00474E4B">
              <w:rPr>
                <w:b/>
                <w:i/>
              </w:rPr>
              <w:t>i</w:t>
            </w:r>
            <w:r w:rsidRPr="00474E4B">
              <w:t xml:space="preserve"> </w:t>
            </w:r>
            <w:r w:rsidR="00474E4B" w:rsidRPr="00474E4B">
              <w:t>ț</w:t>
            </w:r>
            <w:r w:rsidRPr="00474E4B">
              <w:t xml:space="preserve">ările candidate, în conformitate cu principiile generale </w:t>
            </w:r>
            <w:r w:rsidR="00474E4B" w:rsidRPr="00474E4B">
              <w:t>ș</w:t>
            </w:r>
            <w:r w:rsidRPr="00474E4B">
              <w:t xml:space="preserve">i cu termenele </w:t>
            </w:r>
            <w:r w:rsidR="00474E4B" w:rsidRPr="00474E4B">
              <w:t>ș</w:t>
            </w:r>
            <w:r w:rsidRPr="00474E4B">
              <w:t>i condi</w:t>
            </w:r>
            <w:r w:rsidR="00474E4B" w:rsidRPr="00474E4B">
              <w:t>ț</w:t>
            </w:r>
            <w:r w:rsidRPr="00474E4B">
              <w:t xml:space="preserve">iile generale de participare a acestora la programele Uniunii instituite prin acordurile-cadru </w:t>
            </w:r>
            <w:r w:rsidR="00474E4B" w:rsidRPr="00474E4B">
              <w:t>ș</w:t>
            </w:r>
            <w:r w:rsidRPr="00474E4B">
              <w:t xml:space="preserve">i deciziile Consiliului de asociere corespunzătoare sau prin alte acorduri similare </w:t>
            </w:r>
            <w:r w:rsidR="00474E4B" w:rsidRPr="00474E4B">
              <w:t>ș</w:t>
            </w:r>
            <w:r w:rsidRPr="00474E4B">
              <w:t>i în conformitate cu condi</w:t>
            </w:r>
            <w:r w:rsidR="00474E4B" w:rsidRPr="00474E4B">
              <w:t>ț</w:t>
            </w:r>
            <w:r w:rsidRPr="00474E4B">
              <w:t xml:space="preserve">iile specifice prevăzute în acordurile dintre Uniune </w:t>
            </w:r>
            <w:r w:rsidR="00474E4B" w:rsidRPr="00474E4B">
              <w:t>ș</w:t>
            </w:r>
            <w:r w:rsidRPr="00474E4B">
              <w:t>i ace</w:t>
            </w:r>
            <w:r w:rsidR="00474E4B" w:rsidRPr="00474E4B">
              <w:t>ș</w:t>
            </w:r>
            <w:r w:rsidRPr="00474E4B">
              <w:t>tia;</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39</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7 – alineatul 1 – partea introductivă</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1.</w:t>
            </w:r>
            <w:r w:rsidRPr="00474E4B">
              <w:tab/>
              <w:t>Fondul InvestEU func</w:t>
            </w:r>
            <w:r w:rsidR="00474E4B" w:rsidRPr="00474E4B">
              <w:t>ț</w:t>
            </w:r>
            <w:r w:rsidRPr="00474E4B">
              <w:t>ionează prin intermediul următoarelor patru componente de politică, ce vor aborda disfunc</w:t>
            </w:r>
            <w:r w:rsidR="00474E4B" w:rsidRPr="00474E4B">
              <w:t>ț</w:t>
            </w:r>
            <w:r w:rsidRPr="00474E4B">
              <w:t>ionalită</w:t>
            </w:r>
            <w:r w:rsidR="00474E4B" w:rsidRPr="00474E4B">
              <w:t>ț</w:t>
            </w:r>
            <w:r w:rsidRPr="00474E4B">
              <w:t>i ale pie</w:t>
            </w:r>
            <w:r w:rsidR="00474E4B" w:rsidRPr="00474E4B">
              <w:t>ț</w:t>
            </w:r>
            <w:r w:rsidRPr="00474E4B">
              <w:t>ei sau situa</w:t>
            </w:r>
            <w:r w:rsidR="00474E4B" w:rsidRPr="00474E4B">
              <w:t>ț</w:t>
            </w:r>
            <w:r w:rsidRPr="00474E4B">
              <w:t>ii de investi</w:t>
            </w:r>
            <w:r w:rsidR="00474E4B" w:rsidRPr="00474E4B">
              <w:t>ț</w:t>
            </w:r>
            <w:r w:rsidRPr="00474E4B">
              <w:t>ii suboptime în domeniul lor specific de aplicare</w:t>
            </w:r>
            <w:r w:rsidRPr="00474E4B">
              <w:rPr>
                <w:b/>
                <w:i/>
              </w:rPr>
              <w:t>:</w:t>
            </w:r>
          </w:p>
        </w:tc>
        <w:tc>
          <w:tcPr>
            <w:tcW w:w="4876" w:type="dxa"/>
            <w:hideMark/>
          </w:tcPr>
          <w:p w:rsidR="00CC45A9" w:rsidRPr="00474E4B" w:rsidRDefault="00CC45A9" w:rsidP="001D1851">
            <w:pPr>
              <w:pStyle w:val="Normal6"/>
              <w:rPr>
                <w:noProof/>
                <w:szCs w:val="24"/>
              </w:rPr>
            </w:pPr>
            <w:r w:rsidRPr="00474E4B">
              <w:t>1.</w:t>
            </w:r>
            <w:r w:rsidRPr="00474E4B">
              <w:tab/>
              <w:t>Fondul InvestEU func</w:t>
            </w:r>
            <w:r w:rsidR="00474E4B" w:rsidRPr="00474E4B">
              <w:t>ț</w:t>
            </w:r>
            <w:r w:rsidRPr="00474E4B">
              <w:t>ionează prin intermediul următoarelor patru componente de politică, ce vor aborda disfunc</w:t>
            </w:r>
            <w:r w:rsidR="00474E4B" w:rsidRPr="00474E4B">
              <w:t>ț</w:t>
            </w:r>
            <w:r w:rsidRPr="00474E4B">
              <w:t>ionalită</w:t>
            </w:r>
            <w:r w:rsidR="00474E4B" w:rsidRPr="00474E4B">
              <w:t>ț</w:t>
            </w:r>
            <w:r w:rsidRPr="00474E4B">
              <w:t xml:space="preserve">i </w:t>
            </w:r>
            <w:r w:rsidRPr="00474E4B">
              <w:rPr>
                <w:b/>
                <w:i/>
              </w:rPr>
              <w:t xml:space="preserve">sau lacune </w:t>
            </w:r>
            <w:r w:rsidRPr="00474E4B">
              <w:t>ale pie</w:t>
            </w:r>
            <w:r w:rsidR="00474E4B" w:rsidRPr="00474E4B">
              <w:t>ț</w:t>
            </w:r>
            <w:r w:rsidRPr="00474E4B">
              <w:t>ei sau situa</w:t>
            </w:r>
            <w:r w:rsidR="00474E4B" w:rsidRPr="00474E4B">
              <w:t>ț</w:t>
            </w:r>
            <w:r w:rsidRPr="00474E4B">
              <w:t>ii de investi</w:t>
            </w:r>
            <w:r w:rsidR="00474E4B" w:rsidRPr="00474E4B">
              <w:t>ț</w:t>
            </w:r>
            <w:r w:rsidRPr="00474E4B">
              <w:t>ii suboptime în domeniul lor specific de aplicare</w:t>
            </w:r>
            <w:r w:rsidRPr="00474E4B">
              <w:rPr>
                <w:b/>
                <w:i/>
              </w:rPr>
              <w:t>, inclusiv în regiunile ultraperiferice.</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40</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7 – alineatul 1 – litera a</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a)</w:t>
            </w:r>
            <w:r w:rsidRPr="00474E4B">
              <w:tab/>
              <w:t>componenta de politică pentru infrastructura durabilă: cuprinde investi</w:t>
            </w:r>
            <w:r w:rsidR="00474E4B" w:rsidRPr="00474E4B">
              <w:t>ț</w:t>
            </w:r>
            <w:r w:rsidRPr="00474E4B">
              <w:t>ii durabile în domeniile transportului, energiei, conectivită</w:t>
            </w:r>
            <w:r w:rsidR="00474E4B" w:rsidRPr="00474E4B">
              <w:t>ț</w:t>
            </w:r>
            <w:r w:rsidRPr="00474E4B">
              <w:t xml:space="preserve">ii digitale, aprovizionării </w:t>
            </w:r>
            <w:r w:rsidR="00474E4B" w:rsidRPr="00474E4B">
              <w:t>ș</w:t>
            </w:r>
            <w:r w:rsidRPr="00474E4B">
              <w:t>i prelucrării materiilor prime, spa</w:t>
            </w:r>
            <w:r w:rsidR="00474E4B" w:rsidRPr="00474E4B">
              <w:t>ț</w:t>
            </w:r>
            <w:r w:rsidRPr="00474E4B">
              <w:t xml:space="preserve">iului, oceanelor </w:t>
            </w:r>
            <w:r w:rsidR="00474E4B" w:rsidRPr="00474E4B">
              <w:t>ș</w:t>
            </w:r>
            <w:r w:rsidRPr="00474E4B">
              <w:t xml:space="preserve">i </w:t>
            </w:r>
            <w:r w:rsidRPr="00474E4B">
              <w:rPr>
                <w:b/>
                <w:i/>
              </w:rPr>
              <w:t>apei</w:t>
            </w:r>
            <w:r w:rsidRPr="00474E4B">
              <w:t>, de</w:t>
            </w:r>
            <w:r w:rsidR="00474E4B" w:rsidRPr="00474E4B">
              <w:t>ș</w:t>
            </w:r>
            <w:r w:rsidRPr="00474E4B">
              <w:t xml:space="preserve">eurilor, naturii </w:t>
            </w:r>
            <w:r w:rsidR="00474E4B" w:rsidRPr="00474E4B">
              <w:t>ș</w:t>
            </w:r>
            <w:r w:rsidRPr="00474E4B">
              <w:t xml:space="preserve">i al altor infrastructuri de mediu, echipamentelor, bunurilor mobile </w:t>
            </w:r>
            <w:r w:rsidR="00474E4B" w:rsidRPr="00474E4B">
              <w:t>ș</w:t>
            </w:r>
            <w:r w:rsidRPr="00474E4B">
              <w:t>i implementării tehnologiilor inovatoare care contribuie la îndeplinirea obiectivelor de mediu sau de sustenabilitate socială ale Uniunii sau la ambele obiective, ori care respectă standardele de mediu sau de sustenabilitate socială ale Uniunii;</w:t>
            </w:r>
          </w:p>
        </w:tc>
        <w:tc>
          <w:tcPr>
            <w:tcW w:w="4876" w:type="dxa"/>
            <w:hideMark/>
          </w:tcPr>
          <w:p w:rsidR="00CC45A9" w:rsidRPr="00474E4B" w:rsidRDefault="00CC45A9" w:rsidP="001D1851">
            <w:pPr>
              <w:pStyle w:val="Normal6"/>
              <w:rPr>
                <w:noProof/>
                <w:szCs w:val="24"/>
              </w:rPr>
            </w:pPr>
            <w:r w:rsidRPr="00474E4B">
              <w:t>(a)</w:t>
            </w:r>
            <w:r w:rsidRPr="00474E4B">
              <w:tab/>
              <w:t>componenta de politică pentru infrastructura durabilă: cuprinde investi</w:t>
            </w:r>
            <w:r w:rsidR="00474E4B" w:rsidRPr="00474E4B">
              <w:t>ț</w:t>
            </w:r>
            <w:r w:rsidRPr="00474E4B">
              <w:t xml:space="preserve">ii durabile în domeniile transportului, </w:t>
            </w:r>
            <w:r w:rsidRPr="00474E4B">
              <w:rPr>
                <w:b/>
                <w:i/>
              </w:rPr>
              <w:t xml:space="preserve">inclusiv al transportului multimodal, al turismului, al </w:t>
            </w:r>
            <w:r w:rsidRPr="00474E4B">
              <w:t xml:space="preserve">energiei, </w:t>
            </w:r>
            <w:r w:rsidRPr="00474E4B">
              <w:rPr>
                <w:b/>
                <w:i/>
              </w:rPr>
              <w:t xml:space="preserve">cu axarea pe sursele de energie regenerabile </w:t>
            </w:r>
            <w:r w:rsidR="00474E4B" w:rsidRPr="00474E4B">
              <w:rPr>
                <w:b/>
                <w:i/>
              </w:rPr>
              <w:t>ș</w:t>
            </w:r>
            <w:r w:rsidRPr="00474E4B">
              <w:rPr>
                <w:b/>
                <w:i/>
              </w:rPr>
              <w:t>i pe eficien</w:t>
            </w:r>
            <w:r w:rsidR="00474E4B" w:rsidRPr="00474E4B">
              <w:rPr>
                <w:b/>
                <w:i/>
              </w:rPr>
              <w:t>ț</w:t>
            </w:r>
            <w:r w:rsidRPr="00474E4B">
              <w:rPr>
                <w:b/>
                <w:i/>
              </w:rPr>
              <w:t xml:space="preserve">a energetică, al </w:t>
            </w:r>
            <w:r w:rsidRPr="00474E4B">
              <w:t>conectivită</w:t>
            </w:r>
            <w:r w:rsidR="00474E4B" w:rsidRPr="00474E4B">
              <w:t>ț</w:t>
            </w:r>
            <w:r w:rsidRPr="00474E4B">
              <w:t xml:space="preserve">ii digitale, aprovizionării </w:t>
            </w:r>
            <w:r w:rsidR="00474E4B" w:rsidRPr="00474E4B">
              <w:t>ș</w:t>
            </w:r>
            <w:r w:rsidRPr="00474E4B">
              <w:t>i prelucrării materiilor prime, spa</w:t>
            </w:r>
            <w:r w:rsidR="00474E4B" w:rsidRPr="00474E4B">
              <w:t>ț</w:t>
            </w:r>
            <w:r w:rsidRPr="00474E4B">
              <w:t xml:space="preserve">iului, oceanelor </w:t>
            </w:r>
            <w:r w:rsidR="00474E4B" w:rsidRPr="00474E4B">
              <w:t>ș</w:t>
            </w:r>
            <w:r w:rsidRPr="00474E4B">
              <w:t xml:space="preserve">i </w:t>
            </w:r>
            <w:r w:rsidRPr="00474E4B">
              <w:rPr>
                <w:b/>
                <w:i/>
              </w:rPr>
              <w:t>apelor continentale</w:t>
            </w:r>
            <w:r w:rsidRPr="00474E4B">
              <w:t>, de</w:t>
            </w:r>
            <w:r w:rsidR="00474E4B" w:rsidRPr="00474E4B">
              <w:t>ș</w:t>
            </w:r>
            <w:r w:rsidRPr="00474E4B">
              <w:t xml:space="preserve">eurilor, naturii </w:t>
            </w:r>
            <w:r w:rsidR="00474E4B" w:rsidRPr="00474E4B">
              <w:t>ș</w:t>
            </w:r>
            <w:r w:rsidRPr="00474E4B">
              <w:t xml:space="preserve">i al altor infrastructuri de mediu, echipamentelor, bunurilor mobile </w:t>
            </w:r>
            <w:r w:rsidR="00474E4B" w:rsidRPr="00474E4B">
              <w:t>ș</w:t>
            </w:r>
            <w:r w:rsidRPr="00474E4B">
              <w:t>i implementării tehnologiilor inovatoare care contribuie la îndeplinirea obiectivelor de mediu sau de sustenabilitate socială ale Uniunii sau la ambele obiective, ori care respectă standardele de mediu sau de sustenabilitate socială ale Uniunii;</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41</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7 – alineatul 1 – litera d</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d)</w:t>
            </w:r>
            <w:r w:rsidRPr="00474E4B">
              <w:tab/>
              <w:t>componenta de politică pentru investi</w:t>
            </w:r>
            <w:r w:rsidR="00474E4B" w:rsidRPr="00474E4B">
              <w:t>ț</w:t>
            </w:r>
            <w:r w:rsidRPr="00474E4B">
              <w:t xml:space="preserve">ii </w:t>
            </w:r>
            <w:r w:rsidR="00474E4B" w:rsidRPr="00474E4B">
              <w:rPr>
                <w:b/>
                <w:i/>
              </w:rPr>
              <w:t>ș</w:t>
            </w:r>
            <w:r w:rsidRPr="00474E4B">
              <w:rPr>
                <w:b/>
                <w:i/>
              </w:rPr>
              <w:t>i competen</w:t>
            </w:r>
            <w:r w:rsidR="00474E4B" w:rsidRPr="00474E4B">
              <w:rPr>
                <w:b/>
                <w:i/>
              </w:rPr>
              <w:t>ț</w:t>
            </w:r>
            <w:r w:rsidRPr="00474E4B">
              <w:rPr>
                <w:b/>
                <w:i/>
              </w:rPr>
              <w:t xml:space="preserve">e </w:t>
            </w:r>
            <w:r w:rsidRPr="00474E4B">
              <w:t>sociale</w:t>
            </w:r>
            <w:r w:rsidRPr="00474E4B">
              <w:rPr>
                <w:b/>
                <w:i/>
              </w:rPr>
              <w:t>:</w:t>
            </w:r>
            <w:r w:rsidRPr="00474E4B">
              <w:t xml:space="preserve"> cuprinde microfinan</w:t>
            </w:r>
            <w:r w:rsidR="00474E4B" w:rsidRPr="00474E4B">
              <w:t>ț</w:t>
            </w:r>
            <w:r w:rsidRPr="00474E4B">
              <w:t>area, finan</w:t>
            </w:r>
            <w:r w:rsidR="00474E4B" w:rsidRPr="00474E4B">
              <w:t>ț</w:t>
            </w:r>
            <w:r w:rsidRPr="00474E4B">
              <w:t xml:space="preserve">area întreprinderilor sociale </w:t>
            </w:r>
            <w:r w:rsidR="00474E4B" w:rsidRPr="00474E4B">
              <w:t>ș</w:t>
            </w:r>
            <w:r w:rsidRPr="00474E4B">
              <w:t>i economia socială; competen</w:t>
            </w:r>
            <w:r w:rsidR="00474E4B" w:rsidRPr="00474E4B">
              <w:t>ț</w:t>
            </w:r>
            <w:r w:rsidRPr="00474E4B">
              <w:t>e, educa</w:t>
            </w:r>
            <w:r w:rsidR="00474E4B" w:rsidRPr="00474E4B">
              <w:t>ț</w:t>
            </w:r>
            <w:r w:rsidRPr="00474E4B">
              <w:t xml:space="preserve">ie, formare </w:t>
            </w:r>
            <w:r w:rsidR="00474E4B" w:rsidRPr="00474E4B">
              <w:t>ș</w:t>
            </w:r>
            <w:r w:rsidRPr="00474E4B">
              <w:t>i servicii conexe; infrastructura socială</w:t>
            </w:r>
            <w:r w:rsidRPr="00474E4B">
              <w:rPr>
                <w:b/>
                <w:i/>
              </w:rPr>
              <w:t xml:space="preserve"> (inclusiv locuin</w:t>
            </w:r>
            <w:r w:rsidR="00474E4B" w:rsidRPr="00474E4B">
              <w:rPr>
                <w:b/>
                <w:i/>
              </w:rPr>
              <w:t>ț</w:t>
            </w:r>
            <w:r w:rsidRPr="00474E4B">
              <w:rPr>
                <w:b/>
                <w:i/>
              </w:rPr>
              <w:t xml:space="preserve">ele sociale </w:t>
            </w:r>
            <w:r w:rsidR="00474E4B" w:rsidRPr="00474E4B">
              <w:rPr>
                <w:b/>
                <w:i/>
              </w:rPr>
              <w:t>ș</w:t>
            </w:r>
            <w:r w:rsidRPr="00474E4B">
              <w:rPr>
                <w:b/>
                <w:i/>
              </w:rPr>
              <w:t>i studen</w:t>
            </w:r>
            <w:r w:rsidR="00474E4B" w:rsidRPr="00474E4B">
              <w:rPr>
                <w:b/>
                <w:i/>
              </w:rPr>
              <w:t>ț</w:t>
            </w:r>
            <w:r w:rsidRPr="00474E4B">
              <w:rPr>
                <w:b/>
                <w:i/>
              </w:rPr>
              <w:t>e</w:t>
            </w:r>
            <w:r w:rsidR="00474E4B" w:rsidRPr="00474E4B">
              <w:rPr>
                <w:b/>
                <w:i/>
              </w:rPr>
              <w:t>ș</w:t>
            </w:r>
            <w:r w:rsidRPr="00474E4B">
              <w:rPr>
                <w:b/>
                <w:i/>
              </w:rPr>
              <w:t>ti); inovare socială</w:t>
            </w:r>
            <w:r w:rsidRPr="00474E4B">
              <w:t>; asisten</w:t>
            </w:r>
            <w:r w:rsidR="00474E4B" w:rsidRPr="00474E4B">
              <w:t>ț</w:t>
            </w:r>
            <w:r w:rsidRPr="00474E4B">
              <w:t xml:space="preserve">a medicală </w:t>
            </w:r>
            <w:r w:rsidR="00474E4B" w:rsidRPr="00474E4B">
              <w:t>ș</w:t>
            </w:r>
            <w:r w:rsidRPr="00474E4B">
              <w:t>i îngrijirea pe termen lung</w:t>
            </w:r>
            <w:r w:rsidRPr="00474E4B">
              <w:rPr>
                <w:b/>
                <w:i/>
              </w:rPr>
              <w:t xml:space="preserve">; incluziune </w:t>
            </w:r>
            <w:r w:rsidR="00474E4B" w:rsidRPr="00474E4B">
              <w:rPr>
                <w:b/>
                <w:i/>
              </w:rPr>
              <w:t>ș</w:t>
            </w:r>
            <w:r w:rsidRPr="00474E4B">
              <w:rPr>
                <w:b/>
                <w:i/>
              </w:rPr>
              <w:t>i accesibilitate; activită</w:t>
            </w:r>
            <w:r w:rsidR="00474E4B" w:rsidRPr="00474E4B">
              <w:rPr>
                <w:b/>
                <w:i/>
              </w:rPr>
              <w:t>ț</w:t>
            </w:r>
            <w:r w:rsidRPr="00474E4B">
              <w:rPr>
                <w:b/>
                <w:i/>
              </w:rPr>
              <w:t>i culturale cu obiectiv social</w:t>
            </w:r>
            <w:r w:rsidRPr="00474E4B">
              <w:t>; integrarea persoanelor vulnerabile, inclusiv a resortisan</w:t>
            </w:r>
            <w:r w:rsidR="00474E4B" w:rsidRPr="00474E4B">
              <w:t>ț</w:t>
            </w:r>
            <w:r w:rsidRPr="00474E4B">
              <w:t xml:space="preserve">ilor </w:t>
            </w:r>
            <w:r w:rsidR="00474E4B" w:rsidRPr="00474E4B">
              <w:t>ț</w:t>
            </w:r>
            <w:r w:rsidRPr="00474E4B">
              <w:t>ărilor ter</w:t>
            </w:r>
            <w:r w:rsidR="00474E4B" w:rsidRPr="00474E4B">
              <w:t>ț</w:t>
            </w:r>
            <w:r w:rsidRPr="00474E4B">
              <w:t>e.</w:t>
            </w:r>
          </w:p>
        </w:tc>
        <w:tc>
          <w:tcPr>
            <w:tcW w:w="4876" w:type="dxa"/>
            <w:hideMark/>
          </w:tcPr>
          <w:p w:rsidR="00CC45A9" w:rsidRPr="00474E4B" w:rsidRDefault="00CC45A9" w:rsidP="001D1851">
            <w:pPr>
              <w:pStyle w:val="Normal6"/>
              <w:rPr>
                <w:noProof/>
                <w:szCs w:val="24"/>
              </w:rPr>
            </w:pPr>
            <w:r w:rsidRPr="00474E4B">
              <w:t>(d)</w:t>
            </w:r>
            <w:r w:rsidRPr="00474E4B">
              <w:tab/>
              <w:t>componenta de politică pentru investi</w:t>
            </w:r>
            <w:r w:rsidR="00474E4B" w:rsidRPr="00474E4B">
              <w:t>ț</w:t>
            </w:r>
            <w:r w:rsidRPr="00474E4B">
              <w:t>ii sociale</w:t>
            </w:r>
            <w:r w:rsidRPr="00474E4B">
              <w:rPr>
                <w:b/>
                <w:i/>
              </w:rPr>
              <w:t>;</w:t>
            </w:r>
            <w:r w:rsidRPr="00474E4B">
              <w:t xml:space="preserve"> cuprinde microfinan</w:t>
            </w:r>
            <w:r w:rsidR="00474E4B" w:rsidRPr="00474E4B">
              <w:t>ț</w:t>
            </w:r>
            <w:r w:rsidRPr="00474E4B">
              <w:t>area, finan</w:t>
            </w:r>
            <w:r w:rsidR="00474E4B" w:rsidRPr="00474E4B">
              <w:t>ț</w:t>
            </w:r>
            <w:r w:rsidRPr="00474E4B">
              <w:t xml:space="preserve">area întreprinderilor sociale </w:t>
            </w:r>
            <w:r w:rsidR="00474E4B" w:rsidRPr="00474E4B">
              <w:t>ș</w:t>
            </w:r>
            <w:r w:rsidRPr="00474E4B">
              <w:t xml:space="preserve">i economia socială; </w:t>
            </w:r>
            <w:r w:rsidRPr="00474E4B">
              <w:rPr>
                <w:b/>
                <w:i/>
              </w:rPr>
              <w:t>o tranzi</w:t>
            </w:r>
            <w:r w:rsidR="00474E4B" w:rsidRPr="00474E4B">
              <w:rPr>
                <w:b/>
                <w:i/>
              </w:rPr>
              <w:t>ț</w:t>
            </w:r>
            <w:r w:rsidRPr="00474E4B">
              <w:rPr>
                <w:b/>
                <w:i/>
              </w:rPr>
              <w:t xml:space="preserve">ie echitabilă pentru lucrători, </w:t>
            </w:r>
            <w:r w:rsidRPr="00474E4B">
              <w:t>competen</w:t>
            </w:r>
            <w:r w:rsidR="00474E4B" w:rsidRPr="00474E4B">
              <w:t>ț</w:t>
            </w:r>
            <w:r w:rsidRPr="00474E4B">
              <w:t>e, educa</w:t>
            </w:r>
            <w:r w:rsidR="00474E4B" w:rsidRPr="00474E4B">
              <w:t>ț</w:t>
            </w:r>
            <w:r w:rsidRPr="00474E4B">
              <w:t xml:space="preserve">ie, formare </w:t>
            </w:r>
            <w:r w:rsidR="00474E4B" w:rsidRPr="00474E4B">
              <w:t>ș</w:t>
            </w:r>
            <w:r w:rsidRPr="00474E4B">
              <w:t>i servicii conexe; infrastructura socială; asisten</w:t>
            </w:r>
            <w:r w:rsidR="00474E4B" w:rsidRPr="00474E4B">
              <w:t>ț</w:t>
            </w:r>
            <w:r w:rsidRPr="00474E4B">
              <w:t xml:space="preserve">a medicală </w:t>
            </w:r>
            <w:r w:rsidR="00474E4B" w:rsidRPr="00474E4B">
              <w:t>ș</w:t>
            </w:r>
            <w:r w:rsidRPr="00474E4B">
              <w:t>i îngrijirea pe termen lung</w:t>
            </w:r>
            <w:r w:rsidRPr="00474E4B">
              <w:rPr>
                <w:b/>
                <w:i/>
              </w:rPr>
              <w:t>, acordând o aten</w:t>
            </w:r>
            <w:r w:rsidR="00474E4B" w:rsidRPr="00474E4B">
              <w:rPr>
                <w:b/>
                <w:i/>
              </w:rPr>
              <w:t>ț</w:t>
            </w:r>
            <w:r w:rsidRPr="00474E4B">
              <w:rPr>
                <w:b/>
                <w:i/>
              </w:rPr>
              <w:t>ie deosebită persoanelor celor mai sărace din societate</w:t>
            </w:r>
            <w:r w:rsidRPr="00474E4B">
              <w:t xml:space="preserve">; </w:t>
            </w:r>
            <w:r w:rsidR="00474E4B" w:rsidRPr="00474E4B">
              <w:rPr>
                <w:b/>
                <w:i/>
              </w:rPr>
              <w:t>ș</w:t>
            </w:r>
            <w:r w:rsidRPr="00474E4B">
              <w:rPr>
                <w:b/>
                <w:i/>
              </w:rPr>
              <w:t>i</w:t>
            </w:r>
            <w:r w:rsidRPr="00474E4B">
              <w:t xml:space="preserve"> integrarea persoanelor </w:t>
            </w:r>
            <w:r w:rsidRPr="00474E4B">
              <w:rPr>
                <w:b/>
                <w:i/>
              </w:rPr>
              <w:t xml:space="preserve">celor mai </w:t>
            </w:r>
            <w:r w:rsidRPr="00474E4B">
              <w:t>vulnerabile, inclusiv a resortisan</w:t>
            </w:r>
            <w:r w:rsidR="00474E4B" w:rsidRPr="00474E4B">
              <w:t>ț</w:t>
            </w:r>
            <w:r w:rsidRPr="00474E4B">
              <w:t xml:space="preserve">ilor </w:t>
            </w:r>
            <w:r w:rsidR="00474E4B" w:rsidRPr="00474E4B">
              <w:t>ț</w:t>
            </w:r>
            <w:r w:rsidRPr="00474E4B">
              <w:t>ărilor ter</w:t>
            </w:r>
            <w:r w:rsidR="00474E4B" w:rsidRPr="00474E4B">
              <w:t>ț</w:t>
            </w:r>
            <w:r w:rsidRPr="00474E4B">
              <w:t>e</w:t>
            </w:r>
            <w:r w:rsidRPr="00474E4B">
              <w:rPr>
                <w:b/>
                <w:i/>
              </w:rPr>
              <w:t xml:space="preserve"> cu re</w:t>
            </w:r>
            <w:r w:rsidR="00474E4B" w:rsidRPr="00474E4B">
              <w:rPr>
                <w:b/>
                <w:i/>
              </w:rPr>
              <w:t>ș</w:t>
            </w:r>
            <w:r w:rsidRPr="00474E4B">
              <w:rPr>
                <w:b/>
                <w:i/>
              </w:rPr>
              <w:t>edin</w:t>
            </w:r>
            <w:r w:rsidR="00474E4B" w:rsidRPr="00474E4B">
              <w:rPr>
                <w:b/>
                <w:i/>
              </w:rPr>
              <w:t>ț</w:t>
            </w:r>
            <w:r w:rsidRPr="00474E4B">
              <w:rPr>
                <w:b/>
                <w:i/>
              </w:rPr>
              <w:t>ă legală într-un stat membru al UE</w:t>
            </w:r>
            <w:r w:rsidRPr="00474E4B">
              <w:t>.</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42</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7 – alineatul 3 – paragraful 1</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Opera</w:t>
            </w:r>
            <w:r w:rsidR="00474E4B" w:rsidRPr="00474E4B">
              <w:t>ț</w:t>
            </w:r>
            <w:r w:rsidRPr="00474E4B">
              <w:t>iunile de finan</w:t>
            </w:r>
            <w:r w:rsidR="00474E4B" w:rsidRPr="00474E4B">
              <w:t>ț</w:t>
            </w:r>
            <w:r w:rsidRPr="00474E4B">
              <w:t xml:space="preserve">are </w:t>
            </w:r>
            <w:r w:rsidR="00474E4B" w:rsidRPr="00474E4B">
              <w:t>ș</w:t>
            </w:r>
            <w:r w:rsidRPr="00474E4B">
              <w:t>i de investi</w:t>
            </w:r>
            <w:r w:rsidR="00474E4B" w:rsidRPr="00474E4B">
              <w:t>ț</w:t>
            </w:r>
            <w:r w:rsidRPr="00474E4B">
              <w:t>ii din cadrul componentei de politică pentru infrastructura durabilă men</w:t>
            </w:r>
            <w:r w:rsidR="00474E4B" w:rsidRPr="00474E4B">
              <w:t>ț</w:t>
            </w:r>
            <w:r w:rsidRPr="00474E4B">
              <w:t>ionate la alineatul (1) litera (a) fac obiectul unei verificări a durabilită</w:t>
            </w:r>
            <w:r w:rsidR="00474E4B" w:rsidRPr="00474E4B">
              <w:t>ț</w:t>
            </w:r>
            <w:r w:rsidRPr="00474E4B">
              <w:t xml:space="preserve">ii climatice, a mediului </w:t>
            </w:r>
            <w:r w:rsidR="00474E4B" w:rsidRPr="00474E4B">
              <w:t>ș</w:t>
            </w:r>
            <w:r w:rsidRPr="00474E4B">
              <w:t>i a durabilită</w:t>
            </w:r>
            <w:r w:rsidR="00474E4B" w:rsidRPr="00474E4B">
              <w:t>ț</w:t>
            </w:r>
            <w:r w:rsidRPr="00474E4B">
              <w:t xml:space="preserve">ii sociale, în vederea reducerii la minimum a efectelor nocive </w:t>
            </w:r>
            <w:r w:rsidR="00474E4B" w:rsidRPr="00474E4B">
              <w:t>ș</w:t>
            </w:r>
            <w:r w:rsidRPr="00474E4B">
              <w:t>i a maximizării beneficiilor în ceea ce prive</w:t>
            </w:r>
            <w:r w:rsidR="00474E4B" w:rsidRPr="00474E4B">
              <w:t>ș</w:t>
            </w:r>
            <w:r w:rsidRPr="00474E4B">
              <w:t xml:space="preserve">te clima, mediul </w:t>
            </w:r>
            <w:r w:rsidR="00474E4B" w:rsidRPr="00474E4B">
              <w:t>ș</w:t>
            </w:r>
            <w:r w:rsidRPr="00474E4B">
              <w:t>i dimensiunea socială. În acest scop, promotorii care solicită finan</w:t>
            </w:r>
            <w:r w:rsidR="00474E4B" w:rsidRPr="00474E4B">
              <w:t>ț</w:t>
            </w:r>
            <w:r w:rsidRPr="00474E4B">
              <w:t>are trebuie să furnizeze informa</w:t>
            </w:r>
            <w:r w:rsidR="00474E4B" w:rsidRPr="00474E4B">
              <w:t>ț</w:t>
            </w:r>
            <w:r w:rsidRPr="00474E4B">
              <w:t xml:space="preserve">ii adecvate pe baza unor orientări care urmează a fi elaborate de Comisie. Proiectele cu o anumită dimensiune, definite în orientări, </w:t>
            </w:r>
            <w:r w:rsidRPr="00474E4B">
              <w:rPr>
                <w:b/>
                <w:i/>
              </w:rPr>
              <w:t>sunt excluse din</w:t>
            </w:r>
            <w:r w:rsidRPr="00474E4B">
              <w:t xml:space="preserve"> verificare.</w:t>
            </w:r>
          </w:p>
        </w:tc>
        <w:tc>
          <w:tcPr>
            <w:tcW w:w="4876" w:type="dxa"/>
            <w:hideMark/>
          </w:tcPr>
          <w:p w:rsidR="00CC45A9" w:rsidRPr="00474E4B" w:rsidRDefault="00CC45A9" w:rsidP="001D1851">
            <w:pPr>
              <w:pStyle w:val="Normal6"/>
              <w:rPr>
                <w:noProof/>
                <w:szCs w:val="24"/>
              </w:rPr>
            </w:pPr>
            <w:r w:rsidRPr="00474E4B">
              <w:t>Opera</w:t>
            </w:r>
            <w:r w:rsidR="00474E4B" w:rsidRPr="00474E4B">
              <w:t>ț</w:t>
            </w:r>
            <w:r w:rsidRPr="00474E4B">
              <w:t>iunile de finan</w:t>
            </w:r>
            <w:r w:rsidR="00474E4B" w:rsidRPr="00474E4B">
              <w:t>ț</w:t>
            </w:r>
            <w:r w:rsidRPr="00474E4B">
              <w:t xml:space="preserve">are </w:t>
            </w:r>
            <w:r w:rsidR="00474E4B" w:rsidRPr="00474E4B">
              <w:t>ș</w:t>
            </w:r>
            <w:r w:rsidRPr="00474E4B">
              <w:t>i de investi</w:t>
            </w:r>
            <w:r w:rsidR="00474E4B" w:rsidRPr="00474E4B">
              <w:t>ț</w:t>
            </w:r>
            <w:r w:rsidRPr="00474E4B">
              <w:t>ii din cadrul componentei de politică pentru infrastructura durabilă men</w:t>
            </w:r>
            <w:r w:rsidR="00474E4B" w:rsidRPr="00474E4B">
              <w:t>ț</w:t>
            </w:r>
            <w:r w:rsidRPr="00474E4B">
              <w:t>ionate la alineatul (1) litera (a) fac obiectul unei verificări a durabilită</w:t>
            </w:r>
            <w:r w:rsidR="00474E4B" w:rsidRPr="00474E4B">
              <w:t>ț</w:t>
            </w:r>
            <w:r w:rsidRPr="00474E4B">
              <w:t xml:space="preserve">ii climatice, a mediului </w:t>
            </w:r>
            <w:r w:rsidR="00474E4B" w:rsidRPr="00474E4B">
              <w:t>ș</w:t>
            </w:r>
            <w:r w:rsidRPr="00474E4B">
              <w:t>i a durabilită</w:t>
            </w:r>
            <w:r w:rsidR="00474E4B" w:rsidRPr="00474E4B">
              <w:t>ț</w:t>
            </w:r>
            <w:r w:rsidRPr="00474E4B">
              <w:t xml:space="preserve">ii sociale, în vederea reducerii la minimum a efectelor nocive </w:t>
            </w:r>
            <w:r w:rsidR="00474E4B" w:rsidRPr="00474E4B">
              <w:t>ș</w:t>
            </w:r>
            <w:r w:rsidRPr="00474E4B">
              <w:t>i a maximizării beneficiilor în ceea ce prive</w:t>
            </w:r>
            <w:r w:rsidR="00474E4B" w:rsidRPr="00474E4B">
              <w:t>ș</w:t>
            </w:r>
            <w:r w:rsidRPr="00474E4B">
              <w:t xml:space="preserve">te clima, mediul </w:t>
            </w:r>
            <w:r w:rsidR="00474E4B" w:rsidRPr="00474E4B">
              <w:t>ș</w:t>
            </w:r>
            <w:r w:rsidRPr="00474E4B">
              <w:t>i dimensiunea socială. În acest scop, promotorii care solicită finan</w:t>
            </w:r>
            <w:r w:rsidR="00474E4B" w:rsidRPr="00474E4B">
              <w:t>ț</w:t>
            </w:r>
            <w:r w:rsidRPr="00474E4B">
              <w:t>are trebuie să furnizeze informa</w:t>
            </w:r>
            <w:r w:rsidR="00474E4B" w:rsidRPr="00474E4B">
              <w:t>ț</w:t>
            </w:r>
            <w:r w:rsidRPr="00474E4B">
              <w:t>ii adecvate pe baza unor orientări care urmează a fi elaborate de Comisie</w:t>
            </w:r>
            <w:r w:rsidRPr="00474E4B">
              <w:rPr>
                <w:b/>
                <w:i/>
              </w:rPr>
              <w:t xml:space="preserve"> sub forma unui act delegat, luând pe deplin în considerare criteriile prevăzute de [Regulamentul privind instituirea unui cadru de facilitare a investi</w:t>
            </w:r>
            <w:r w:rsidR="00474E4B" w:rsidRPr="00474E4B">
              <w:rPr>
                <w:b/>
                <w:i/>
              </w:rPr>
              <w:t>ț</w:t>
            </w:r>
            <w:r w:rsidRPr="00474E4B">
              <w:rPr>
                <w:b/>
                <w:i/>
              </w:rPr>
              <w:t>iilor durabile, COM(2018)353]</w:t>
            </w:r>
            <w:r w:rsidRPr="00474E4B">
              <w:t xml:space="preserve">. </w:t>
            </w:r>
            <w:r w:rsidRPr="00474E4B">
              <w:rPr>
                <w:b/>
                <w:i/>
              </w:rPr>
              <w:t>Dacă este cazul,</w:t>
            </w:r>
            <w:r w:rsidRPr="00474E4B">
              <w:t xml:space="preserve"> proiectele cu o anumită dimensiune, definite în orientări, </w:t>
            </w:r>
            <w:r w:rsidRPr="00474E4B">
              <w:rPr>
                <w:b/>
                <w:i/>
              </w:rPr>
              <w:t>pot fi scutite de</w:t>
            </w:r>
            <w:r w:rsidRPr="00474E4B">
              <w:t xml:space="preserve"> verificare.</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43</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lastRenderedPageBreak/>
        <w:t>&lt;Article&gt;</w:t>
      </w:r>
      <w:r w:rsidRPr="00474E4B">
        <w:t>Articolul 7 – alineatul 3 – paragraful 2 – litera a</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a)</w:t>
            </w:r>
            <w:r w:rsidRPr="00474E4B">
              <w:tab/>
              <w:t>în ceea ce prive</w:t>
            </w:r>
            <w:r w:rsidR="00474E4B" w:rsidRPr="00474E4B">
              <w:t>ș</w:t>
            </w:r>
            <w:r w:rsidRPr="00474E4B">
              <w:t>te adaptarea, să se asigure rezisten</w:t>
            </w:r>
            <w:r w:rsidR="00474E4B" w:rsidRPr="00474E4B">
              <w:t>ț</w:t>
            </w:r>
            <w:r w:rsidRPr="00474E4B">
              <w:t>a la poten</w:t>
            </w:r>
            <w:r w:rsidR="00474E4B" w:rsidRPr="00474E4B">
              <w:t>ț</w:t>
            </w:r>
            <w:r w:rsidRPr="00474E4B">
              <w:t>ialele efecte negative ale schimbărilor climatice printr-o evaluare a vulnerabilită</w:t>
            </w:r>
            <w:r w:rsidR="00474E4B" w:rsidRPr="00474E4B">
              <w:t>ț</w:t>
            </w:r>
            <w:r w:rsidRPr="00474E4B">
              <w:t xml:space="preserve">ii </w:t>
            </w:r>
            <w:r w:rsidR="00474E4B" w:rsidRPr="00474E4B">
              <w:t>ș</w:t>
            </w:r>
            <w:r w:rsidRPr="00474E4B">
              <w:t xml:space="preserve">i a riscurilor climatice, inclusiv a măsurilor de adaptare relevante </w:t>
            </w:r>
            <w:r w:rsidR="00474E4B" w:rsidRPr="00474E4B">
              <w:t>ș</w:t>
            </w:r>
            <w:r w:rsidRPr="00474E4B">
              <w:t>i, în ceea ce prive</w:t>
            </w:r>
            <w:r w:rsidR="00474E4B" w:rsidRPr="00474E4B">
              <w:t>ș</w:t>
            </w:r>
            <w:r w:rsidRPr="00474E4B">
              <w:t xml:space="preserve">te atenuarea, să se integreze costurile emisiilor de gaze cu efect de seră </w:t>
            </w:r>
            <w:r w:rsidR="00474E4B" w:rsidRPr="00474E4B">
              <w:t>ș</w:t>
            </w:r>
            <w:r w:rsidRPr="00474E4B">
              <w:t>i efectele pozitive ale măsurilor de atenuare a schimbărilor climatice în analiza cost-beneficiu;</w:t>
            </w:r>
          </w:p>
        </w:tc>
        <w:tc>
          <w:tcPr>
            <w:tcW w:w="4876" w:type="dxa"/>
            <w:hideMark/>
          </w:tcPr>
          <w:p w:rsidR="00CC45A9" w:rsidRPr="00474E4B" w:rsidRDefault="00CC45A9" w:rsidP="001D1851">
            <w:pPr>
              <w:pStyle w:val="Normal6"/>
              <w:rPr>
                <w:noProof/>
                <w:szCs w:val="24"/>
              </w:rPr>
            </w:pPr>
            <w:r w:rsidRPr="00474E4B">
              <w:t>a)</w:t>
            </w:r>
            <w:r w:rsidRPr="00474E4B">
              <w:tab/>
              <w:t>în ceea ce prive</w:t>
            </w:r>
            <w:r w:rsidR="00474E4B" w:rsidRPr="00474E4B">
              <w:t>ș</w:t>
            </w:r>
            <w:r w:rsidRPr="00474E4B">
              <w:t>te adaptarea, să se asigure rezisten</w:t>
            </w:r>
            <w:r w:rsidR="00474E4B" w:rsidRPr="00474E4B">
              <w:t>ț</w:t>
            </w:r>
            <w:r w:rsidRPr="00474E4B">
              <w:t>a la poten</w:t>
            </w:r>
            <w:r w:rsidR="00474E4B" w:rsidRPr="00474E4B">
              <w:t>ț</w:t>
            </w:r>
            <w:r w:rsidRPr="00474E4B">
              <w:t>ialele efecte negative ale schimbărilor climatice printr-o evaluare a vulnerabilită</w:t>
            </w:r>
            <w:r w:rsidR="00474E4B" w:rsidRPr="00474E4B">
              <w:t>ț</w:t>
            </w:r>
            <w:r w:rsidRPr="00474E4B">
              <w:t xml:space="preserve">ii </w:t>
            </w:r>
            <w:r w:rsidR="00474E4B" w:rsidRPr="00474E4B">
              <w:t>ș</w:t>
            </w:r>
            <w:r w:rsidRPr="00474E4B">
              <w:t xml:space="preserve">i a riscurilor climatice, inclusiv a măsurilor de adaptare relevante </w:t>
            </w:r>
            <w:r w:rsidR="00474E4B" w:rsidRPr="00474E4B">
              <w:t>ș</w:t>
            </w:r>
            <w:r w:rsidRPr="00474E4B">
              <w:t>i, în ceea ce prive</w:t>
            </w:r>
            <w:r w:rsidR="00474E4B" w:rsidRPr="00474E4B">
              <w:t>ș</w:t>
            </w:r>
            <w:r w:rsidRPr="00474E4B">
              <w:t xml:space="preserve">te atenuarea, să se integreze costurile emisiilor de gaze cu efect de seră </w:t>
            </w:r>
            <w:r w:rsidR="00474E4B" w:rsidRPr="00474E4B">
              <w:t>ș</w:t>
            </w:r>
            <w:r w:rsidRPr="00474E4B">
              <w:t>i efectele pozitive ale măsurilor de atenuare a schimbărilor climatice în analiza cost-beneficiu</w:t>
            </w:r>
            <w:r w:rsidRPr="00474E4B">
              <w:rPr>
                <w:b/>
                <w:i/>
              </w:rPr>
              <w:t xml:space="preserve"> </w:t>
            </w:r>
            <w:r w:rsidR="00474E4B" w:rsidRPr="00474E4B">
              <w:rPr>
                <w:b/>
                <w:i/>
              </w:rPr>
              <w:t>ș</w:t>
            </w:r>
            <w:r w:rsidRPr="00474E4B">
              <w:rPr>
                <w:b/>
                <w:i/>
              </w:rPr>
              <w:t xml:space="preserve">i să se asigure respectarea obiectivelor </w:t>
            </w:r>
            <w:r w:rsidR="00474E4B" w:rsidRPr="00474E4B">
              <w:rPr>
                <w:b/>
                <w:i/>
              </w:rPr>
              <w:t>ș</w:t>
            </w:r>
            <w:r w:rsidRPr="00474E4B">
              <w:rPr>
                <w:b/>
                <w:i/>
              </w:rPr>
              <w:t>i standardelor UE în materie de mediu</w:t>
            </w:r>
            <w:r w:rsidRPr="00474E4B">
              <w:t>;</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44</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7 – alineatul 3 – paragraful 2 – litera ca (nouă)</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rPr>
              <w:t>ca)</w:t>
            </w:r>
            <w:r w:rsidRPr="00474E4B">
              <w:rPr>
                <w:b/>
                <w:i/>
              </w:rPr>
              <w:tab/>
              <w:t xml:space="preserve">să se evalueze efectele pozitive, în sensul îndeplinirii obiectivelor climatice </w:t>
            </w:r>
            <w:r w:rsidR="00474E4B" w:rsidRPr="00474E4B">
              <w:rPr>
                <w:b/>
                <w:i/>
              </w:rPr>
              <w:t>ș</w:t>
            </w:r>
            <w:r w:rsidRPr="00474E4B">
              <w:rPr>
                <w:b/>
                <w:i/>
              </w:rPr>
              <w:t xml:space="preserve">i energetice ale UE prevăzute în strategiile UE privind clima </w:t>
            </w:r>
            <w:r w:rsidR="00474E4B" w:rsidRPr="00474E4B">
              <w:rPr>
                <w:b/>
                <w:i/>
              </w:rPr>
              <w:t>ș</w:t>
            </w:r>
            <w:r w:rsidRPr="00474E4B">
              <w:rPr>
                <w:b/>
                <w:i/>
              </w:rPr>
              <w:t>i eficien</w:t>
            </w:r>
            <w:r w:rsidR="00474E4B" w:rsidRPr="00474E4B">
              <w:rPr>
                <w:b/>
                <w:i/>
              </w:rPr>
              <w:t>ț</w:t>
            </w:r>
            <w:r w:rsidRPr="00474E4B">
              <w:rPr>
                <w:b/>
                <w:i/>
              </w:rPr>
              <w:t>a energetică;</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45</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7 – alineatul 4</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4.</w:t>
            </w:r>
            <w:r w:rsidRPr="00474E4B">
              <w:tab/>
              <w:t>Partenerii de implementare furnizează informa</w:t>
            </w:r>
            <w:r w:rsidR="00474E4B" w:rsidRPr="00474E4B">
              <w:t>ț</w:t>
            </w:r>
            <w:r w:rsidRPr="00474E4B">
              <w:t>iile necesare pentru a permite urmărirea investi</w:t>
            </w:r>
            <w:r w:rsidR="00474E4B" w:rsidRPr="00474E4B">
              <w:t>ț</w:t>
            </w:r>
            <w:r w:rsidRPr="00474E4B">
              <w:t xml:space="preserve">iilor care contribuie la îndeplinirea obiectivelor Uniunii în materie de climă </w:t>
            </w:r>
            <w:r w:rsidR="00474E4B" w:rsidRPr="00474E4B">
              <w:t>ș</w:t>
            </w:r>
            <w:r w:rsidRPr="00474E4B">
              <w:t>i mediu, pe baza orientărilor care urmează să fie furnizate de către Comisie</w:t>
            </w:r>
            <w:r w:rsidRPr="00474E4B">
              <w:rPr>
                <w:b/>
                <w:i/>
              </w:rPr>
              <w:t>.</w:t>
            </w:r>
          </w:p>
        </w:tc>
        <w:tc>
          <w:tcPr>
            <w:tcW w:w="4876" w:type="dxa"/>
            <w:hideMark/>
          </w:tcPr>
          <w:p w:rsidR="00CC45A9" w:rsidRPr="00474E4B" w:rsidRDefault="00CC45A9" w:rsidP="001D1851">
            <w:pPr>
              <w:pStyle w:val="Normal6"/>
              <w:rPr>
                <w:noProof/>
                <w:szCs w:val="24"/>
              </w:rPr>
            </w:pPr>
            <w:r w:rsidRPr="00474E4B">
              <w:t>4.</w:t>
            </w:r>
            <w:r w:rsidRPr="00474E4B">
              <w:tab/>
              <w:t>Partenerii de implementare furnizează informa</w:t>
            </w:r>
            <w:r w:rsidR="00474E4B" w:rsidRPr="00474E4B">
              <w:t>ț</w:t>
            </w:r>
            <w:r w:rsidRPr="00474E4B">
              <w:t>iile necesare pentru a permite urmărirea investi</w:t>
            </w:r>
            <w:r w:rsidR="00474E4B" w:rsidRPr="00474E4B">
              <w:t>ț</w:t>
            </w:r>
            <w:r w:rsidRPr="00474E4B">
              <w:t xml:space="preserve">iilor care contribuie la îndeplinirea obiectivelor Uniunii în materie de climă </w:t>
            </w:r>
            <w:r w:rsidR="00474E4B" w:rsidRPr="00474E4B">
              <w:t>ș</w:t>
            </w:r>
            <w:r w:rsidRPr="00474E4B">
              <w:t>i mediu, pe baza orientărilor care urmează să fie furnizate de către Comisie</w:t>
            </w:r>
            <w:r w:rsidRPr="00474E4B">
              <w:rPr>
                <w:b/>
                <w:i/>
              </w:rPr>
              <w:t xml:space="preserve">, </w:t>
            </w:r>
            <w:r w:rsidR="00474E4B" w:rsidRPr="00474E4B">
              <w:rPr>
                <w:b/>
                <w:i/>
              </w:rPr>
              <w:t>ș</w:t>
            </w:r>
            <w:r w:rsidRPr="00474E4B">
              <w:rPr>
                <w:b/>
                <w:i/>
              </w:rPr>
              <w:t>i evaluează dacă opera</w:t>
            </w:r>
            <w:r w:rsidR="00474E4B" w:rsidRPr="00474E4B">
              <w:rPr>
                <w:b/>
                <w:i/>
              </w:rPr>
              <w:t>ț</w:t>
            </w:r>
            <w:r w:rsidRPr="00474E4B">
              <w:rPr>
                <w:b/>
                <w:i/>
              </w:rPr>
              <w:t>iunile respectă Regulamentul privind instituirea unui cadru de facilitare a investi</w:t>
            </w:r>
            <w:r w:rsidR="00474E4B" w:rsidRPr="00474E4B">
              <w:rPr>
                <w:b/>
                <w:i/>
              </w:rPr>
              <w:t>ț</w:t>
            </w:r>
            <w:r w:rsidRPr="00474E4B">
              <w:rPr>
                <w:b/>
                <w:i/>
              </w:rPr>
              <w:t>iilor durabile [COM(2018)353];</w:t>
            </w:r>
          </w:p>
        </w:tc>
      </w:tr>
    </w:tbl>
    <w:p w:rsidR="00CC45A9" w:rsidRPr="00474E4B" w:rsidRDefault="00CC45A9" w:rsidP="00CC45A9">
      <w:pPr>
        <w:rPr>
          <w:rStyle w:val="HideTWBExt"/>
          <w:color w:val="auto"/>
        </w:rPr>
      </w:pPr>
      <w:r w:rsidRPr="00474E4B">
        <w:rPr>
          <w:rStyle w:val="HideTWBExt"/>
        </w:rPr>
        <w:lastRenderedPageBreak/>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46</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7 – alineatul 5</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5.</w:t>
            </w:r>
            <w:r w:rsidRPr="00474E4B">
              <w:tab/>
              <w:t>Partenerii de implementare au obiectivul ca cel pu</w:t>
            </w:r>
            <w:r w:rsidR="00474E4B" w:rsidRPr="00474E4B">
              <w:t>ț</w:t>
            </w:r>
            <w:r w:rsidRPr="00474E4B">
              <w:t xml:space="preserve">in </w:t>
            </w:r>
            <w:r w:rsidRPr="00474E4B">
              <w:rPr>
                <w:b/>
                <w:i/>
              </w:rPr>
              <w:t>50 </w:t>
            </w:r>
            <w:r w:rsidRPr="00474E4B">
              <w:t>% din investi</w:t>
            </w:r>
            <w:r w:rsidR="00474E4B" w:rsidRPr="00474E4B">
              <w:t>ț</w:t>
            </w:r>
            <w:r w:rsidRPr="00474E4B">
              <w:t xml:space="preserve">iile efectuate în cadrul componentei de politică pentru </w:t>
            </w:r>
            <w:r w:rsidRPr="00474E4B">
              <w:rPr>
                <w:b/>
                <w:i/>
              </w:rPr>
              <w:t>investi</w:t>
            </w:r>
            <w:r w:rsidR="00474E4B" w:rsidRPr="00474E4B">
              <w:rPr>
                <w:b/>
                <w:i/>
              </w:rPr>
              <w:t>ț</w:t>
            </w:r>
            <w:r w:rsidRPr="00474E4B">
              <w:rPr>
                <w:b/>
                <w:i/>
              </w:rPr>
              <w:t>ii durabile</w:t>
            </w:r>
            <w:r w:rsidRPr="00474E4B">
              <w:t xml:space="preserve"> să contribuie la îndeplinirea obiectivelor Uniunii în materie de climă </w:t>
            </w:r>
            <w:r w:rsidR="00474E4B" w:rsidRPr="00474E4B">
              <w:t>ș</w:t>
            </w:r>
            <w:r w:rsidRPr="00474E4B">
              <w:t>i mediu.</w:t>
            </w:r>
          </w:p>
        </w:tc>
        <w:tc>
          <w:tcPr>
            <w:tcW w:w="4876" w:type="dxa"/>
            <w:hideMark/>
          </w:tcPr>
          <w:p w:rsidR="00CC45A9" w:rsidRPr="00474E4B" w:rsidRDefault="00CC45A9" w:rsidP="001D1851">
            <w:pPr>
              <w:pStyle w:val="Normal6"/>
              <w:rPr>
                <w:noProof/>
                <w:szCs w:val="24"/>
              </w:rPr>
            </w:pPr>
            <w:r w:rsidRPr="00474E4B">
              <w:t>5.</w:t>
            </w:r>
            <w:r w:rsidRPr="00474E4B">
              <w:tab/>
              <w:t>Partenerii de implementare au obiectivul ca cel pu</w:t>
            </w:r>
            <w:r w:rsidR="00474E4B" w:rsidRPr="00474E4B">
              <w:t>ț</w:t>
            </w:r>
            <w:r w:rsidRPr="00474E4B">
              <w:t xml:space="preserve">in </w:t>
            </w:r>
            <w:r w:rsidRPr="00474E4B">
              <w:rPr>
                <w:b/>
                <w:i/>
              </w:rPr>
              <w:t>40</w:t>
            </w:r>
            <w:r w:rsidRPr="00474E4B">
              <w:t>% din investi</w:t>
            </w:r>
            <w:r w:rsidR="00474E4B" w:rsidRPr="00474E4B">
              <w:t>ț</w:t>
            </w:r>
            <w:r w:rsidRPr="00474E4B">
              <w:t xml:space="preserve">iile efectuate </w:t>
            </w:r>
            <w:r w:rsidRPr="00474E4B">
              <w:rPr>
                <w:b/>
                <w:i/>
              </w:rPr>
              <w:t>pentru sus</w:t>
            </w:r>
            <w:r w:rsidR="00474E4B" w:rsidRPr="00474E4B">
              <w:rPr>
                <w:b/>
                <w:i/>
              </w:rPr>
              <w:t>ț</w:t>
            </w:r>
            <w:r w:rsidRPr="00474E4B">
              <w:rPr>
                <w:b/>
                <w:i/>
              </w:rPr>
              <w:t>inerea opera</w:t>
            </w:r>
            <w:r w:rsidR="00474E4B" w:rsidRPr="00474E4B">
              <w:rPr>
                <w:b/>
                <w:i/>
              </w:rPr>
              <w:t>ț</w:t>
            </w:r>
            <w:r w:rsidRPr="00474E4B">
              <w:rPr>
                <w:b/>
                <w:i/>
              </w:rPr>
              <w:t xml:space="preserve">iunilor </w:t>
            </w:r>
            <w:r w:rsidRPr="00474E4B">
              <w:t xml:space="preserve">în cadrul componentei de politică pentru </w:t>
            </w:r>
            <w:r w:rsidRPr="00474E4B">
              <w:rPr>
                <w:b/>
                <w:i/>
              </w:rPr>
              <w:t>infrastructura durabilă</w:t>
            </w:r>
            <w:r w:rsidRPr="00474E4B">
              <w:t xml:space="preserve"> să contribuie la îndeplinirea obiectivelor Uniunii în materie de climă </w:t>
            </w:r>
            <w:r w:rsidR="00474E4B" w:rsidRPr="00474E4B">
              <w:t>ș</w:t>
            </w:r>
            <w:r w:rsidRPr="00474E4B">
              <w:t>i mediu</w:t>
            </w:r>
            <w:r w:rsidRPr="00474E4B">
              <w:rPr>
                <w:b/>
                <w:i/>
              </w:rPr>
              <w:t>, pentru a îndeplini angajamentele asumate în cadrul Conven</w:t>
            </w:r>
            <w:r w:rsidR="00474E4B" w:rsidRPr="00474E4B">
              <w:rPr>
                <w:b/>
                <w:i/>
              </w:rPr>
              <w:t>ț</w:t>
            </w:r>
            <w:r w:rsidRPr="00474E4B">
              <w:rPr>
                <w:b/>
                <w:i/>
              </w:rPr>
              <w:t>iei-cadru a Organiza</w:t>
            </w:r>
            <w:r w:rsidR="00474E4B" w:rsidRPr="00474E4B">
              <w:rPr>
                <w:b/>
                <w:i/>
              </w:rPr>
              <w:t>ț</w:t>
            </w:r>
            <w:r w:rsidRPr="00474E4B">
              <w:rPr>
                <w:b/>
                <w:i/>
              </w:rPr>
              <w:t>iei Na</w:t>
            </w:r>
            <w:r w:rsidR="00474E4B" w:rsidRPr="00474E4B">
              <w:rPr>
                <w:b/>
                <w:i/>
              </w:rPr>
              <w:t>ț</w:t>
            </w:r>
            <w:r w:rsidRPr="00474E4B">
              <w:rPr>
                <w:b/>
                <w:i/>
              </w:rPr>
              <w:t>iunilor Unite asupra schimbărilor climatice (COP 21)</w:t>
            </w:r>
            <w:r w:rsidRPr="00474E4B">
              <w:t>.</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47</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7 – alineatul 5 a (nou)</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rPr>
              <w:t>5a.</w:t>
            </w:r>
            <w:r w:rsidRPr="00474E4B">
              <w:rPr>
                <w:b/>
                <w:i/>
              </w:rPr>
              <w:tab/>
              <w:t>Comisia, împreună cu partenerii de implementare, se asigură că partea din garan</w:t>
            </w:r>
            <w:r w:rsidR="00474E4B" w:rsidRPr="00474E4B">
              <w:rPr>
                <w:b/>
                <w:i/>
              </w:rPr>
              <w:t>ț</w:t>
            </w:r>
            <w:r w:rsidRPr="00474E4B">
              <w:rPr>
                <w:b/>
                <w:i/>
              </w:rPr>
              <w:t>ia bugetară utilizată pentru componenta de politică pentru infrastructura durabilă se distribuie urmărindu-se ob</w:t>
            </w:r>
            <w:r w:rsidR="00474E4B" w:rsidRPr="00474E4B">
              <w:rPr>
                <w:b/>
                <w:i/>
              </w:rPr>
              <w:t>ț</w:t>
            </w:r>
            <w:r w:rsidRPr="00474E4B">
              <w:rPr>
                <w:b/>
                <w:i/>
              </w:rPr>
              <w:t>inerea unui echilibru între ac</w:t>
            </w:r>
            <w:r w:rsidR="00474E4B" w:rsidRPr="00474E4B">
              <w:rPr>
                <w:b/>
                <w:i/>
              </w:rPr>
              <w:t>ț</w:t>
            </w:r>
            <w:r w:rsidRPr="00474E4B">
              <w:rPr>
                <w:b/>
                <w:i/>
              </w:rPr>
              <w:t>iunile din diferite domenii.</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48</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7 – alineatul 5 b (nou)</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rPr>
              <w:t>5b.</w:t>
            </w:r>
            <w:r w:rsidRPr="00474E4B">
              <w:rPr>
                <w:b/>
                <w:i/>
              </w:rPr>
              <w:tab/>
              <w:t>În domeniul transporturilor, cel pu</w:t>
            </w:r>
            <w:r w:rsidR="00474E4B" w:rsidRPr="00474E4B">
              <w:rPr>
                <w:b/>
                <w:i/>
              </w:rPr>
              <w:t>ț</w:t>
            </w:r>
            <w:r w:rsidRPr="00474E4B">
              <w:rPr>
                <w:b/>
                <w:i/>
              </w:rPr>
              <w:t>in 10 % din investi</w:t>
            </w:r>
            <w:r w:rsidR="00474E4B" w:rsidRPr="00474E4B">
              <w:rPr>
                <w:b/>
                <w:i/>
              </w:rPr>
              <w:t>ț</w:t>
            </w:r>
            <w:r w:rsidRPr="00474E4B">
              <w:rPr>
                <w:b/>
                <w:i/>
              </w:rPr>
              <w:t xml:space="preserve">iile din cadrul componentei pentru infrastructura durabilă contribuie la îndeplinirea obiectivului UE de eliminare a accidentelor rutiere mortale </w:t>
            </w:r>
            <w:r w:rsidR="00474E4B" w:rsidRPr="00474E4B">
              <w:rPr>
                <w:b/>
                <w:i/>
              </w:rPr>
              <w:t>ș</w:t>
            </w:r>
            <w:r w:rsidRPr="00474E4B">
              <w:rPr>
                <w:b/>
                <w:i/>
              </w:rPr>
              <w:t xml:space="preserve">i a vătămărilor grave până în 2050 </w:t>
            </w:r>
            <w:r w:rsidR="00474E4B" w:rsidRPr="00474E4B">
              <w:rPr>
                <w:b/>
                <w:i/>
              </w:rPr>
              <w:t>ș</w:t>
            </w:r>
            <w:r w:rsidRPr="00474E4B">
              <w:rPr>
                <w:b/>
                <w:i/>
              </w:rPr>
              <w:t xml:space="preserve">i la renovarea podurilor </w:t>
            </w:r>
            <w:r w:rsidR="00474E4B" w:rsidRPr="00474E4B">
              <w:rPr>
                <w:b/>
                <w:i/>
              </w:rPr>
              <w:t>ș</w:t>
            </w:r>
            <w:r w:rsidRPr="00474E4B">
              <w:rPr>
                <w:b/>
                <w:i/>
              </w:rPr>
              <w:t xml:space="preserve">i tunelurilor rutiere </w:t>
            </w:r>
            <w:r w:rsidR="00474E4B" w:rsidRPr="00474E4B">
              <w:rPr>
                <w:b/>
                <w:i/>
              </w:rPr>
              <w:lastRenderedPageBreak/>
              <w:t>ș</w:t>
            </w:r>
            <w:r w:rsidRPr="00474E4B">
              <w:rPr>
                <w:b/>
                <w:i/>
              </w:rPr>
              <w:t>i feroviare pentru asigurarea siguran</w:t>
            </w:r>
            <w:r w:rsidR="00474E4B" w:rsidRPr="00474E4B">
              <w:rPr>
                <w:b/>
                <w:i/>
              </w:rPr>
              <w:t>ț</w:t>
            </w:r>
            <w:r w:rsidRPr="00474E4B">
              <w:rPr>
                <w:b/>
                <w:i/>
              </w:rPr>
              <w:t>ei lor.</w:t>
            </w:r>
          </w:p>
        </w:tc>
      </w:tr>
    </w:tbl>
    <w:p w:rsidR="00CC45A9" w:rsidRPr="00474E4B" w:rsidRDefault="00CC45A9" w:rsidP="00CC45A9">
      <w:pPr>
        <w:rPr>
          <w:rStyle w:val="HideTWBExt"/>
          <w:color w:val="auto"/>
        </w:rPr>
      </w:pPr>
      <w:r w:rsidRPr="00474E4B">
        <w:rPr>
          <w:rStyle w:val="HideTWBExt"/>
        </w:rPr>
        <w:lastRenderedPageBreak/>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49</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8 – alineatul 1 – litera a – punctul iii</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iii)</w:t>
            </w:r>
            <w:r w:rsidRPr="00474E4B">
              <w:tab/>
              <w:t>disfunc</w:t>
            </w:r>
            <w:r w:rsidR="00474E4B" w:rsidRPr="00474E4B">
              <w:t>ț</w:t>
            </w:r>
            <w:r w:rsidRPr="00474E4B">
              <w:t>ionalită</w:t>
            </w:r>
            <w:r w:rsidR="00474E4B" w:rsidRPr="00474E4B">
              <w:t>ț</w:t>
            </w:r>
            <w:r w:rsidRPr="00474E4B">
              <w:t>i ale pie</w:t>
            </w:r>
            <w:r w:rsidR="00474E4B" w:rsidRPr="00474E4B">
              <w:t>ț</w:t>
            </w:r>
            <w:r w:rsidRPr="00474E4B">
              <w:t>ei sau situa</w:t>
            </w:r>
            <w:r w:rsidR="00474E4B" w:rsidRPr="00474E4B">
              <w:t>ț</w:t>
            </w:r>
            <w:r w:rsidRPr="00474E4B">
              <w:t>ii de investi</w:t>
            </w:r>
            <w:r w:rsidR="00474E4B" w:rsidRPr="00474E4B">
              <w:t>ț</w:t>
            </w:r>
            <w:r w:rsidRPr="00474E4B">
              <w:t>ii suboptime</w:t>
            </w:r>
            <w:r w:rsidRPr="00474E4B">
              <w:rPr>
                <w:b/>
                <w:i/>
              </w:rPr>
              <w:t xml:space="preserve"> noi sau complexe</w:t>
            </w:r>
            <w:r w:rsidRPr="00474E4B">
              <w:t>, în vederea dezvoltării de solu</w:t>
            </w:r>
            <w:r w:rsidR="00474E4B" w:rsidRPr="00474E4B">
              <w:t>ț</w:t>
            </w:r>
            <w:r w:rsidRPr="00474E4B">
              <w:t xml:space="preserve">ii financiare </w:t>
            </w:r>
            <w:r w:rsidR="00474E4B" w:rsidRPr="00474E4B">
              <w:t>ș</w:t>
            </w:r>
            <w:r w:rsidRPr="00474E4B">
              <w:t>i de structuri de pia</w:t>
            </w:r>
            <w:r w:rsidR="00474E4B" w:rsidRPr="00474E4B">
              <w:t>ț</w:t>
            </w:r>
            <w:r w:rsidRPr="00474E4B">
              <w:t>ă noi;</w:t>
            </w:r>
          </w:p>
        </w:tc>
        <w:tc>
          <w:tcPr>
            <w:tcW w:w="4876" w:type="dxa"/>
            <w:hideMark/>
          </w:tcPr>
          <w:p w:rsidR="00CC45A9" w:rsidRPr="00474E4B" w:rsidRDefault="00CC45A9" w:rsidP="001D1851">
            <w:pPr>
              <w:pStyle w:val="Normal6"/>
              <w:rPr>
                <w:noProof/>
                <w:szCs w:val="24"/>
              </w:rPr>
            </w:pPr>
            <w:r w:rsidRPr="00474E4B">
              <w:t>(iii)</w:t>
            </w:r>
            <w:r w:rsidRPr="00474E4B">
              <w:tab/>
              <w:t>disfunc</w:t>
            </w:r>
            <w:r w:rsidR="00474E4B" w:rsidRPr="00474E4B">
              <w:t>ț</w:t>
            </w:r>
            <w:r w:rsidRPr="00474E4B">
              <w:t>ionalită</w:t>
            </w:r>
            <w:r w:rsidR="00474E4B" w:rsidRPr="00474E4B">
              <w:t>ț</w:t>
            </w:r>
            <w:r w:rsidRPr="00474E4B">
              <w:t>i ale pie</w:t>
            </w:r>
            <w:r w:rsidR="00474E4B" w:rsidRPr="00474E4B">
              <w:t>ț</w:t>
            </w:r>
            <w:r w:rsidRPr="00474E4B">
              <w:t xml:space="preserve">ei </w:t>
            </w:r>
            <w:r w:rsidRPr="00474E4B">
              <w:rPr>
                <w:b/>
                <w:i/>
              </w:rPr>
              <w:t>noi sau complexe, proiecte multina</w:t>
            </w:r>
            <w:r w:rsidR="00474E4B" w:rsidRPr="00474E4B">
              <w:rPr>
                <w:b/>
                <w:i/>
              </w:rPr>
              <w:t>ț</w:t>
            </w:r>
            <w:r w:rsidRPr="00474E4B">
              <w:rPr>
                <w:b/>
                <w:i/>
              </w:rPr>
              <w:t xml:space="preserve">ionale transfrontaliere </w:t>
            </w:r>
            <w:r w:rsidRPr="00474E4B">
              <w:t>sau situa</w:t>
            </w:r>
            <w:r w:rsidR="00474E4B" w:rsidRPr="00474E4B">
              <w:t>ț</w:t>
            </w:r>
            <w:r w:rsidRPr="00474E4B">
              <w:t>ii de investi</w:t>
            </w:r>
            <w:r w:rsidR="00474E4B" w:rsidRPr="00474E4B">
              <w:t>ț</w:t>
            </w:r>
            <w:r w:rsidRPr="00474E4B">
              <w:t>ii suboptime, în vederea dezvoltării de solu</w:t>
            </w:r>
            <w:r w:rsidR="00474E4B" w:rsidRPr="00474E4B">
              <w:t>ț</w:t>
            </w:r>
            <w:r w:rsidRPr="00474E4B">
              <w:t xml:space="preserve">ii financiare </w:t>
            </w:r>
            <w:r w:rsidR="00474E4B" w:rsidRPr="00474E4B">
              <w:t>ș</w:t>
            </w:r>
            <w:r w:rsidRPr="00474E4B">
              <w:t>i de structuri de pia</w:t>
            </w:r>
            <w:r w:rsidR="00474E4B" w:rsidRPr="00474E4B">
              <w:t>ț</w:t>
            </w:r>
            <w:r w:rsidRPr="00474E4B">
              <w:t>ă noi;</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50</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8 – alineatul 1 – litera a – subpunctul iiia (nou)</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rPr>
              <w:t>(iiia)</w:t>
            </w:r>
            <w:r w:rsidRPr="00474E4B">
              <w:rPr>
                <w:b/>
                <w:i/>
              </w:rPr>
              <w:tab/>
              <w:t xml:space="preserve">cooperare intensificată pentru elaborarea, pregătirea </w:t>
            </w:r>
            <w:r w:rsidR="00474E4B" w:rsidRPr="00474E4B">
              <w:rPr>
                <w:b/>
                <w:i/>
              </w:rPr>
              <w:t>ș</w:t>
            </w:r>
            <w:r w:rsidRPr="00474E4B">
              <w:rPr>
                <w:b/>
                <w:i/>
              </w:rPr>
              <w:t>i punerea în aplicare a proiectelor de transport transfrontalier.</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51</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8 – alineatul 1 – litera b</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b)</w:t>
            </w:r>
            <w:r w:rsidRPr="00474E4B">
              <w:tab/>
              <w:t>compartimentul pentru statele membre vizează disfunc</w:t>
            </w:r>
            <w:r w:rsidR="00474E4B" w:rsidRPr="00474E4B">
              <w:t>ț</w:t>
            </w:r>
            <w:r w:rsidRPr="00474E4B">
              <w:t>ionalită</w:t>
            </w:r>
            <w:r w:rsidR="00474E4B" w:rsidRPr="00474E4B">
              <w:t>ț</w:t>
            </w:r>
            <w:r w:rsidRPr="00474E4B">
              <w:t>i specifice ale pie</w:t>
            </w:r>
            <w:r w:rsidR="00474E4B" w:rsidRPr="00474E4B">
              <w:t>ț</w:t>
            </w:r>
            <w:r w:rsidRPr="00474E4B">
              <w:t>ei sau situa</w:t>
            </w:r>
            <w:r w:rsidR="00474E4B" w:rsidRPr="00474E4B">
              <w:t>ț</w:t>
            </w:r>
            <w:r w:rsidRPr="00474E4B">
              <w:t>ii de investi</w:t>
            </w:r>
            <w:r w:rsidR="00474E4B" w:rsidRPr="00474E4B">
              <w:t>ț</w:t>
            </w:r>
            <w:r w:rsidRPr="00474E4B">
              <w:t>ii suboptime într-unul sau mai multe dintre statele membre pentru a contribuie la îndeplinirea obiectivelor fondurilor care contribuie la gestiunea partajată.</w:t>
            </w:r>
          </w:p>
        </w:tc>
        <w:tc>
          <w:tcPr>
            <w:tcW w:w="4876" w:type="dxa"/>
            <w:hideMark/>
          </w:tcPr>
          <w:p w:rsidR="00CC45A9" w:rsidRPr="00474E4B" w:rsidRDefault="00CC45A9" w:rsidP="001D1851">
            <w:pPr>
              <w:pStyle w:val="Normal6"/>
              <w:rPr>
                <w:noProof/>
                <w:szCs w:val="24"/>
              </w:rPr>
            </w:pPr>
            <w:r w:rsidRPr="00474E4B">
              <w:t>(b)</w:t>
            </w:r>
            <w:r w:rsidRPr="00474E4B">
              <w:tab/>
              <w:t>compartimentul pentru statele membre vizează disfunc</w:t>
            </w:r>
            <w:r w:rsidR="00474E4B" w:rsidRPr="00474E4B">
              <w:t>ț</w:t>
            </w:r>
            <w:r w:rsidRPr="00474E4B">
              <w:t>ionalită</w:t>
            </w:r>
            <w:r w:rsidR="00474E4B" w:rsidRPr="00474E4B">
              <w:t>ț</w:t>
            </w:r>
            <w:r w:rsidRPr="00474E4B">
              <w:t>i specifice ale pie</w:t>
            </w:r>
            <w:r w:rsidR="00474E4B" w:rsidRPr="00474E4B">
              <w:t>ț</w:t>
            </w:r>
            <w:r w:rsidRPr="00474E4B">
              <w:t>ei sau situa</w:t>
            </w:r>
            <w:r w:rsidR="00474E4B" w:rsidRPr="00474E4B">
              <w:t>ț</w:t>
            </w:r>
            <w:r w:rsidRPr="00474E4B">
              <w:t>ii de investi</w:t>
            </w:r>
            <w:r w:rsidR="00474E4B" w:rsidRPr="00474E4B">
              <w:t>ț</w:t>
            </w:r>
            <w:r w:rsidRPr="00474E4B">
              <w:t xml:space="preserve">ii suboptime într-unul sau mai multe dintre statele membre pentru a contribuie la îndeplinirea obiectivelor fondurilor care contribuie la gestiunea partajată. </w:t>
            </w:r>
            <w:r w:rsidRPr="00474E4B">
              <w:rPr>
                <w:b/>
                <w:i/>
              </w:rPr>
              <w:t>Un acord de contribu</w:t>
            </w:r>
            <w:r w:rsidR="00474E4B" w:rsidRPr="00474E4B">
              <w:rPr>
                <w:b/>
                <w:i/>
              </w:rPr>
              <w:t>ț</w:t>
            </w:r>
            <w:r w:rsidRPr="00474E4B">
              <w:rPr>
                <w:b/>
                <w:i/>
              </w:rPr>
              <w:t xml:space="preserve">ie poate fi încheiat </w:t>
            </w:r>
            <w:r w:rsidR="00474E4B" w:rsidRPr="00474E4B">
              <w:rPr>
                <w:b/>
                <w:i/>
              </w:rPr>
              <w:t>ș</w:t>
            </w:r>
            <w:r w:rsidRPr="00474E4B">
              <w:rPr>
                <w:b/>
                <w:i/>
              </w:rPr>
              <w:t xml:space="preserve">i între o autoritate regională a unui stat membru </w:t>
            </w:r>
            <w:r w:rsidR="00474E4B" w:rsidRPr="00474E4B">
              <w:rPr>
                <w:b/>
                <w:i/>
              </w:rPr>
              <w:t>ș</w:t>
            </w:r>
            <w:r w:rsidRPr="00474E4B">
              <w:rPr>
                <w:b/>
                <w:i/>
              </w:rPr>
              <w:t>i Comisie. Un astfel de acord prevede activită</w:t>
            </w:r>
            <w:r w:rsidR="00474E4B" w:rsidRPr="00474E4B">
              <w:rPr>
                <w:b/>
                <w:i/>
              </w:rPr>
              <w:t>ț</w:t>
            </w:r>
            <w:r w:rsidRPr="00474E4B">
              <w:rPr>
                <w:b/>
                <w:i/>
              </w:rPr>
              <w:t>i de investi</w:t>
            </w:r>
            <w:r w:rsidR="00474E4B" w:rsidRPr="00474E4B">
              <w:rPr>
                <w:b/>
                <w:i/>
              </w:rPr>
              <w:t>ț</w:t>
            </w:r>
            <w:r w:rsidRPr="00474E4B">
              <w:rPr>
                <w:b/>
                <w:i/>
              </w:rPr>
              <w:t xml:space="preserve">ii pe teritoriul regiunii contribuitoare </w:t>
            </w:r>
            <w:r w:rsidR="00474E4B" w:rsidRPr="00474E4B">
              <w:rPr>
                <w:b/>
                <w:i/>
              </w:rPr>
              <w:t>ș</w:t>
            </w:r>
            <w:r w:rsidRPr="00474E4B">
              <w:rPr>
                <w:b/>
                <w:i/>
              </w:rPr>
              <w:t>i este supus unor condi</w:t>
            </w:r>
            <w:r w:rsidR="00474E4B" w:rsidRPr="00474E4B">
              <w:rPr>
                <w:b/>
                <w:i/>
              </w:rPr>
              <w:t>ț</w:t>
            </w:r>
            <w:r w:rsidRPr="00474E4B">
              <w:rPr>
                <w:b/>
                <w:i/>
              </w:rPr>
              <w:t xml:space="preserve">ii egale, astfel cum este prevăzut la articolul </w:t>
            </w:r>
            <w:r w:rsidRPr="00474E4B">
              <w:rPr>
                <w:b/>
                <w:i/>
              </w:rPr>
              <w:lastRenderedPageBreak/>
              <w:t>9 din regulament.</w:t>
            </w:r>
          </w:p>
        </w:tc>
      </w:tr>
    </w:tbl>
    <w:p w:rsidR="00CC45A9" w:rsidRPr="00474E4B" w:rsidRDefault="00CC45A9" w:rsidP="00CC45A9">
      <w:pPr>
        <w:rPr>
          <w:noProof/>
        </w:rPr>
      </w:pPr>
      <w:r w:rsidRPr="00474E4B">
        <w:rPr>
          <w:rStyle w:val="HideTWBExt"/>
        </w:rPr>
        <w:lastRenderedPageBreak/>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52</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Articolul 9 – alineatul 2 – paragraful 2</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 xml:space="preserve">Statul membru </w:t>
            </w:r>
            <w:r w:rsidR="00474E4B" w:rsidRPr="00474E4B">
              <w:t>ș</w:t>
            </w:r>
            <w:r w:rsidRPr="00474E4B">
              <w:t>i Comisia încheie acordul de contribu</w:t>
            </w:r>
            <w:r w:rsidR="00474E4B" w:rsidRPr="00474E4B">
              <w:t>ț</w:t>
            </w:r>
            <w:r w:rsidRPr="00474E4B">
              <w:t xml:space="preserve">ie sau un amendament la acesta în termen de </w:t>
            </w:r>
            <w:r w:rsidRPr="00474E4B">
              <w:rPr>
                <w:b/>
                <w:i/>
              </w:rPr>
              <w:t>patru</w:t>
            </w:r>
            <w:r w:rsidRPr="00474E4B">
              <w:t xml:space="preserve"> luni de la adoptarea deciziei Comisiei de adoptare a acordului de parteneriat sau a planului PAC sau simultan cu decizia Comisiei de modificare a unui program sau a unui plan PAC.</w:t>
            </w:r>
          </w:p>
        </w:tc>
        <w:tc>
          <w:tcPr>
            <w:tcW w:w="4876" w:type="dxa"/>
          </w:tcPr>
          <w:p w:rsidR="00CC45A9" w:rsidRPr="00474E4B" w:rsidRDefault="00CC45A9" w:rsidP="001D1851">
            <w:pPr>
              <w:pStyle w:val="Normal6"/>
              <w:rPr>
                <w:noProof/>
              </w:rPr>
            </w:pPr>
            <w:r w:rsidRPr="00474E4B">
              <w:t xml:space="preserve">Statul membru </w:t>
            </w:r>
            <w:r w:rsidR="00474E4B" w:rsidRPr="00474E4B">
              <w:t>ș</w:t>
            </w:r>
            <w:r w:rsidRPr="00474E4B">
              <w:t>i Comisia încheie acordul de contribu</w:t>
            </w:r>
            <w:r w:rsidR="00474E4B" w:rsidRPr="00474E4B">
              <w:t>ț</w:t>
            </w:r>
            <w:r w:rsidRPr="00474E4B">
              <w:t xml:space="preserve">ie sau un amendament la acesta în termen de </w:t>
            </w:r>
            <w:r w:rsidRPr="00474E4B">
              <w:rPr>
                <w:b/>
                <w:i/>
              </w:rPr>
              <w:t>trei</w:t>
            </w:r>
            <w:r w:rsidRPr="00474E4B">
              <w:t xml:space="preserve"> luni de la adoptarea deciziei Comisiei de adoptare a acordului de parteneriat sau a planului PAC sau simultan cu decizia Comisiei de modificare a unui program sau a unui plan PAC.</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53</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Articolul 11 – alineatul 2 – litera a</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a)</w:t>
            </w:r>
            <w:r w:rsidRPr="00474E4B">
              <w:tab/>
              <w:t>proiectele transfrontaliere între entită</w:t>
            </w:r>
            <w:r w:rsidR="00474E4B" w:rsidRPr="00474E4B">
              <w:t>ț</w:t>
            </w:r>
            <w:r w:rsidRPr="00474E4B">
              <w:t xml:space="preserve">i situate sau stabilite în unul sau mai multe state membre </w:t>
            </w:r>
            <w:r w:rsidR="00474E4B" w:rsidRPr="00474E4B">
              <w:t>ș</w:t>
            </w:r>
            <w:r w:rsidRPr="00474E4B">
              <w:t xml:space="preserve">i care se extind către una sau mai multe </w:t>
            </w:r>
            <w:r w:rsidR="00474E4B" w:rsidRPr="00474E4B">
              <w:t>ț</w:t>
            </w:r>
            <w:r w:rsidRPr="00474E4B">
              <w:t>ări ter</w:t>
            </w:r>
            <w:r w:rsidR="00474E4B" w:rsidRPr="00474E4B">
              <w:t>ț</w:t>
            </w:r>
            <w:r w:rsidRPr="00474E4B">
              <w:t xml:space="preserve">e, inclusiv către </w:t>
            </w:r>
            <w:r w:rsidR="00474E4B" w:rsidRPr="00474E4B">
              <w:t>ț</w:t>
            </w:r>
            <w:r w:rsidRPr="00474E4B">
              <w:t>ările aderente</w:t>
            </w:r>
            <w:r w:rsidRPr="00474E4B">
              <w:rPr>
                <w:b/>
                <w:i/>
              </w:rPr>
              <w:t>,</w:t>
            </w:r>
            <w:r w:rsidRPr="00474E4B">
              <w:t xml:space="preserve"> </w:t>
            </w:r>
            <w:r w:rsidR="00474E4B" w:rsidRPr="00474E4B">
              <w:t>ț</w:t>
            </w:r>
            <w:r w:rsidRPr="00474E4B">
              <w:t>ările candidate</w:t>
            </w:r>
            <w:r w:rsidRPr="00474E4B">
              <w:rPr>
                <w:b/>
                <w:i/>
              </w:rPr>
              <w:t xml:space="preserve"> </w:t>
            </w:r>
            <w:r w:rsidR="00474E4B" w:rsidRPr="00474E4B">
              <w:rPr>
                <w:b/>
                <w:i/>
              </w:rPr>
              <w:t>ș</w:t>
            </w:r>
            <w:r w:rsidRPr="00474E4B">
              <w:rPr>
                <w:b/>
                <w:i/>
              </w:rPr>
              <w:t>i candida</w:t>
            </w:r>
            <w:r w:rsidR="00474E4B" w:rsidRPr="00474E4B">
              <w:rPr>
                <w:b/>
                <w:i/>
              </w:rPr>
              <w:t>ț</w:t>
            </w:r>
            <w:r w:rsidRPr="00474E4B">
              <w:rPr>
                <w:b/>
                <w:i/>
              </w:rPr>
              <w:t>ii poten</w:t>
            </w:r>
            <w:r w:rsidR="00474E4B" w:rsidRPr="00474E4B">
              <w:rPr>
                <w:b/>
                <w:i/>
              </w:rPr>
              <w:t>ț</w:t>
            </w:r>
            <w:r w:rsidRPr="00474E4B">
              <w:rPr>
                <w:b/>
                <w:i/>
              </w:rPr>
              <w:t>iali</w:t>
            </w:r>
            <w:r w:rsidRPr="00474E4B">
              <w:t xml:space="preserve">, </w:t>
            </w:r>
            <w:r w:rsidR="00474E4B" w:rsidRPr="00474E4B">
              <w:t>ț</w:t>
            </w:r>
            <w:r w:rsidRPr="00474E4B">
              <w:t>ările care intră sub inciden</w:t>
            </w:r>
            <w:r w:rsidR="00474E4B" w:rsidRPr="00474E4B">
              <w:t>ț</w:t>
            </w:r>
            <w:r w:rsidRPr="00474E4B">
              <w:t xml:space="preserve">a politicii europene de vecinătate, </w:t>
            </w:r>
            <w:r w:rsidR="00474E4B" w:rsidRPr="00474E4B">
              <w:t>ț</w:t>
            </w:r>
            <w:r w:rsidRPr="00474E4B">
              <w:t>ările din Spa</w:t>
            </w:r>
            <w:r w:rsidR="00474E4B" w:rsidRPr="00474E4B">
              <w:t>ț</w:t>
            </w:r>
            <w:r w:rsidRPr="00474E4B">
              <w:t>iul Economic European sau din Asocia</w:t>
            </w:r>
            <w:r w:rsidR="00474E4B" w:rsidRPr="00474E4B">
              <w:t>ț</w:t>
            </w:r>
            <w:r w:rsidRPr="00474E4B">
              <w:t xml:space="preserve">ia Europeană a Liberului Schimb ori către o </w:t>
            </w:r>
            <w:r w:rsidR="00474E4B" w:rsidRPr="00474E4B">
              <w:t>ț</w:t>
            </w:r>
            <w:r w:rsidRPr="00474E4B">
              <w:t>ară sau un teritoriu de peste mări prevăzut în anexa</w:t>
            </w:r>
            <w:r w:rsidRPr="00474E4B">
              <w:rPr>
                <w:b/>
                <w:i/>
              </w:rPr>
              <w:t> </w:t>
            </w:r>
            <w:r w:rsidRPr="00474E4B">
              <w:t xml:space="preserve">II la TFUE sau o </w:t>
            </w:r>
            <w:r w:rsidR="00474E4B" w:rsidRPr="00474E4B">
              <w:t>ț</w:t>
            </w:r>
            <w:r w:rsidRPr="00474E4B">
              <w:t>ară ter</w:t>
            </w:r>
            <w:r w:rsidR="00474E4B" w:rsidRPr="00474E4B">
              <w:t>ț</w:t>
            </w:r>
            <w:r w:rsidRPr="00474E4B">
              <w:t xml:space="preserve">ă asociată, indiferent dacă există sau nu un partener în aceste </w:t>
            </w:r>
            <w:r w:rsidR="00474E4B" w:rsidRPr="00474E4B">
              <w:t>ț</w:t>
            </w:r>
            <w:r w:rsidRPr="00474E4B">
              <w:t>ări ter</w:t>
            </w:r>
            <w:r w:rsidR="00474E4B" w:rsidRPr="00474E4B">
              <w:t>ț</w:t>
            </w:r>
            <w:r w:rsidRPr="00474E4B">
              <w:t xml:space="preserve">e ori </w:t>
            </w:r>
            <w:r w:rsidR="00474E4B" w:rsidRPr="00474E4B">
              <w:t>ț</w:t>
            </w:r>
            <w:r w:rsidRPr="00474E4B">
              <w:t>ări sau teritorii de peste mări;</w:t>
            </w:r>
          </w:p>
        </w:tc>
        <w:tc>
          <w:tcPr>
            <w:tcW w:w="4876" w:type="dxa"/>
          </w:tcPr>
          <w:p w:rsidR="00CC45A9" w:rsidRPr="00474E4B" w:rsidRDefault="00CC45A9" w:rsidP="001D1851">
            <w:pPr>
              <w:pStyle w:val="Normal6"/>
              <w:rPr>
                <w:noProof/>
              </w:rPr>
            </w:pPr>
            <w:r w:rsidRPr="00474E4B">
              <w:t>(a)</w:t>
            </w:r>
            <w:r w:rsidRPr="00474E4B">
              <w:tab/>
              <w:t>proiectele transfrontaliere între entită</w:t>
            </w:r>
            <w:r w:rsidR="00474E4B" w:rsidRPr="00474E4B">
              <w:t>ț</w:t>
            </w:r>
            <w:r w:rsidRPr="00474E4B">
              <w:t xml:space="preserve">i situate sau stabilite în unul sau mai multe state membre </w:t>
            </w:r>
            <w:r w:rsidR="00474E4B" w:rsidRPr="00474E4B">
              <w:t>ș</w:t>
            </w:r>
            <w:r w:rsidRPr="00474E4B">
              <w:t xml:space="preserve">i care se extind către una sau mai multe </w:t>
            </w:r>
            <w:r w:rsidR="00474E4B" w:rsidRPr="00474E4B">
              <w:t>ț</w:t>
            </w:r>
            <w:r w:rsidRPr="00474E4B">
              <w:t>ări ter</w:t>
            </w:r>
            <w:r w:rsidR="00474E4B" w:rsidRPr="00474E4B">
              <w:t>ț</w:t>
            </w:r>
            <w:r w:rsidRPr="00474E4B">
              <w:t xml:space="preserve">e, inclusiv către </w:t>
            </w:r>
            <w:r w:rsidR="00474E4B" w:rsidRPr="00474E4B">
              <w:t>ț</w:t>
            </w:r>
            <w:r w:rsidRPr="00474E4B">
              <w:t>ările aderente</w:t>
            </w:r>
            <w:r w:rsidRPr="00474E4B">
              <w:rPr>
                <w:b/>
                <w:i/>
              </w:rPr>
              <w:t xml:space="preserve"> </w:t>
            </w:r>
            <w:r w:rsidR="00474E4B" w:rsidRPr="00474E4B">
              <w:rPr>
                <w:b/>
                <w:i/>
              </w:rPr>
              <w:t>ș</w:t>
            </w:r>
            <w:r w:rsidRPr="00474E4B">
              <w:rPr>
                <w:b/>
                <w:i/>
              </w:rPr>
              <w:t>i</w:t>
            </w:r>
            <w:r w:rsidRPr="00474E4B">
              <w:t xml:space="preserve"> </w:t>
            </w:r>
            <w:r w:rsidR="00474E4B" w:rsidRPr="00474E4B">
              <w:t>ț</w:t>
            </w:r>
            <w:r w:rsidRPr="00474E4B">
              <w:t xml:space="preserve">ările candidate, </w:t>
            </w:r>
            <w:r w:rsidR="00474E4B" w:rsidRPr="00474E4B">
              <w:t>ț</w:t>
            </w:r>
            <w:r w:rsidRPr="00474E4B">
              <w:t>ările care intră sub inciden</w:t>
            </w:r>
            <w:r w:rsidR="00474E4B" w:rsidRPr="00474E4B">
              <w:t>ț</w:t>
            </w:r>
            <w:r w:rsidRPr="00474E4B">
              <w:t xml:space="preserve">a politicii europene de vecinătate, </w:t>
            </w:r>
            <w:r w:rsidR="00474E4B" w:rsidRPr="00474E4B">
              <w:t>ț</w:t>
            </w:r>
            <w:r w:rsidRPr="00474E4B">
              <w:t>ările din Spa</w:t>
            </w:r>
            <w:r w:rsidR="00474E4B" w:rsidRPr="00474E4B">
              <w:t>ț</w:t>
            </w:r>
            <w:r w:rsidRPr="00474E4B">
              <w:t>iul Economic European sau din Asocia</w:t>
            </w:r>
            <w:r w:rsidR="00474E4B" w:rsidRPr="00474E4B">
              <w:t>ț</w:t>
            </w:r>
            <w:r w:rsidRPr="00474E4B">
              <w:t xml:space="preserve">ia Europeană a Liberului Schimb ori către o </w:t>
            </w:r>
            <w:r w:rsidR="00474E4B" w:rsidRPr="00474E4B">
              <w:t>ț</w:t>
            </w:r>
            <w:r w:rsidRPr="00474E4B">
              <w:t>ară sau un teritoriu de peste mări prevăzut în anexa</w:t>
            </w:r>
            <w:r w:rsidRPr="00474E4B">
              <w:rPr>
                <w:b/>
                <w:i/>
              </w:rPr>
              <w:t xml:space="preserve"> </w:t>
            </w:r>
            <w:r w:rsidRPr="00474E4B">
              <w:t xml:space="preserve">II la TFUE sau o </w:t>
            </w:r>
            <w:r w:rsidR="00474E4B" w:rsidRPr="00474E4B">
              <w:t>ț</w:t>
            </w:r>
            <w:r w:rsidRPr="00474E4B">
              <w:t>ară ter</w:t>
            </w:r>
            <w:r w:rsidR="00474E4B" w:rsidRPr="00474E4B">
              <w:t>ț</w:t>
            </w:r>
            <w:r w:rsidRPr="00474E4B">
              <w:t xml:space="preserve">ă asociată, indiferent dacă există sau nu un partener în aceste </w:t>
            </w:r>
            <w:r w:rsidR="00474E4B" w:rsidRPr="00474E4B">
              <w:t>ț</w:t>
            </w:r>
            <w:r w:rsidRPr="00474E4B">
              <w:t>ări ter</w:t>
            </w:r>
            <w:r w:rsidR="00474E4B" w:rsidRPr="00474E4B">
              <w:t>ț</w:t>
            </w:r>
            <w:r w:rsidRPr="00474E4B">
              <w:t xml:space="preserve">e ori </w:t>
            </w:r>
            <w:r w:rsidR="00474E4B" w:rsidRPr="00474E4B">
              <w:t>ț</w:t>
            </w:r>
            <w:r w:rsidRPr="00474E4B">
              <w:t>ări sau teritorii de peste mări;</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54</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12 – alineatul 1 – paragraful 2</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 xml:space="preserve">Pentru compartimentul pentru UE, </w:t>
            </w:r>
            <w:r w:rsidRPr="00474E4B">
              <w:lastRenderedPageBreak/>
              <w:t>contrapăr</w:t>
            </w:r>
            <w:r w:rsidR="00474E4B" w:rsidRPr="00474E4B">
              <w:t>ț</w:t>
            </w:r>
            <w:r w:rsidRPr="00474E4B">
              <w:t>ile eligibile trebuie să î</w:t>
            </w:r>
            <w:r w:rsidR="00474E4B" w:rsidRPr="00474E4B">
              <w:t>ș</w:t>
            </w:r>
            <w:r w:rsidRPr="00474E4B">
              <w:t xml:space="preserve">i fi exprimat interesul </w:t>
            </w:r>
            <w:r w:rsidR="00474E4B" w:rsidRPr="00474E4B">
              <w:t>ș</w:t>
            </w:r>
            <w:r w:rsidRPr="00474E4B">
              <w:t>i pot să acopere opera</w:t>
            </w:r>
            <w:r w:rsidR="00474E4B" w:rsidRPr="00474E4B">
              <w:t>ț</w:t>
            </w:r>
            <w:r w:rsidRPr="00474E4B">
              <w:t>iunile de finan</w:t>
            </w:r>
            <w:r w:rsidR="00474E4B" w:rsidRPr="00474E4B">
              <w:t>ț</w:t>
            </w:r>
            <w:r w:rsidRPr="00474E4B">
              <w:t xml:space="preserve">are </w:t>
            </w:r>
            <w:r w:rsidR="00474E4B" w:rsidRPr="00474E4B">
              <w:t>ș</w:t>
            </w:r>
            <w:r w:rsidRPr="00474E4B">
              <w:t>i de investi</w:t>
            </w:r>
            <w:r w:rsidR="00474E4B" w:rsidRPr="00474E4B">
              <w:t>ț</w:t>
            </w:r>
            <w:r w:rsidRPr="00474E4B">
              <w:t>ii în cel pu</w:t>
            </w:r>
            <w:r w:rsidR="00474E4B" w:rsidRPr="00474E4B">
              <w:t>ț</w:t>
            </w:r>
            <w:r w:rsidRPr="00474E4B">
              <w:t xml:space="preserve">in </w:t>
            </w:r>
            <w:r w:rsidRPr="00474E4B">
              <w:rPr>
                <w:b/>
                <w:i/>
              </w:rPr>
              <w:t>trei</w:t>
            </w:r>
            <w:r w:rsidRPr="00474E4B">
              <w:t xml:space="preserve"> state membre. Partenerii de implementare pot, de asemenea, să acopere împreună opera</w:t>
            </w:r>
            <w:r w:rsidR="00474E4B" w:rsidRPr="00474E4B">
              <w:t>ț</w:t>
            </w:r>
            <w:r w:rsidRPr="00474E4B">
              <w:t>iunile de finan</w:t>
            </w:r>
            <w:r w:rsidR="00474E4B" w:rsidRPr="00474E4B">
              <w:t>ț</w:t>
            </w:r>
            <w:r w:rsidRPr="00474E4B">
              <w:t xml:space="preserve">are </w:t>
            </w:r>
            <w:r w:rsidR="00474E4B" w:rsidRPr="00474E4B">
              <w:t>ș</w:t>
            </w:r>
            <w:r w:rsidRPr="00474E4B">
              <w:t>i de investi</w:t>
            </w:r>
            <w:r w:rsidR="00474E4B" w:rsidRPr="00474E4B">
              <w:t>ț</w:t>
            </w:r>
            <w:r w:rsidRPr="00474E4B">
              <w:t>ii în cel pu</w:t>
            </w:r>
            <w:r w:rsidR="00474E4B" w:rsidRPr="00474E4B">
              <w:t>ț</w:t>
            </w:r>
            <w:r w:rsidRPr="00474E4B">
              <w:t xml:space="preserve">in </w:t>
            </w:r>
            <w:r w:rsidRPr="00474E4B">
              <w:rPr>
                <w:b/>
                <w:i/>
              </w:rPr>
              <w:t>trei</w:t>
            </w:r>
            <w:r w:rsidRPr="00474E4B">
              <w:t xml:space="preserve"> state membre prin formarea unui grup.</w:t>
            </w:r>
          </w:p>
        </w:tc>
        <w:tc>
          <w:tcPr>
            <w:tcW w:w="4876" w:type="dxa"/>
            <w:hideMark/>
          </w:tcPr>
          <w:p w:rsidR="00CC45A9" w:rsidRPr="00474E4B" w:rsidRDefault="00CC45A9" w:rsidP="001D1851">
            <w:pPr>
              <w:pStyle w:val="Normal6"/>
              <w:rPr>
                <w:noProof/>
                <w:szCs w:val="24"/>
              </w:rPr>
            </w:pPr>
            <w:r w:rsidRPr="00474E4B">
              <w:lastRenderedPageBreak/>
              <w:t xml:space="preserve">Pentru compartimentul pentru UE, </w:t>
            </w:r>
            <w:r w:rsidRPr="00474E4B">
              <w:lastRenderedPageBreak/>
              <w:t>contrapăr</w:t>
            </w:r>
            <w:r w:rsidR="00474E4B" w:rsidRPr="00474E4B">
              <w:t>ț</w:t>
            </w:r>
            <w:r w:rsidRPr="00474E4B">
              <w:t>ile eligibile trebuie să î</w:t>
            </w:r>
            <w:r w:rsidR="00474E4B" w:rsidRPr="00474E4B">
              <w:t>ș</w:t>
            </w:r>
            <w:r w:rsidRPr="00474E4B">
              <w:t xml:space="preserve">i fi exprimat interesul </w:t>
            </w:r>
            <w:r w:rsidR="00474E4B" w:rsidRPr="00474E4B">
              <w:t>ș</w:t>
            </w:r>
            <w:r w:rsidRPr="00474E4B">
              <w:t>i pot să acopere opera</w:t>
            </w:r>
            <w:r w:rsidR="00474E4B" w:rsidRPr="00474E4B">
              <w:t>ț</w:t>
            </w:r>
            <w:r w:rsidRPr="00474E4B">
              <w:t>iunile de finan</w:t>
            </w:r>
            <w:r w:rsidR="00474E4B" w:rsidRPr="00474E4B">
              <w:t>ț</w:t>
            </w:r>
            <w:r w:rsidRPr="00474E4B">
              <w:t xml:space="preserve">are </w:t>
            </w:r>
            <w:r w:rsidR="00474E4B" w:rsidRPr="00474E4B">
              <w:t>ș</w:t>
            </w:r>
            <w:r w:rsidRPr="00474E4B">
              <w:t>i de investi</w:t>
            </w:r>
            <w:r w:rsidR="00474E4B" w:rsidRPr="00474E4B">
              <w:t>ț</w:t>
            </w:r>
            <w:r w:rsidRPr="00474E4B">
              <w:t>ii în cel pu</w:t>
            </w:r>
            <w:r w:rsidR="00474E4B" w:rsidRPr="00474E4B">
              <w:t>ț</w:t>
            </w:r>
            <w:r w:rsidRPr="00474E4B">
              <w:t xml:space="preserve">in </w:t>
            </w:r>
            <w:r w:rsidRPr="00474E4B">
              <w:rPr>
                <w:b/>
                <w:i/>
              </w:rPr>
              <w:t>două</w:t>
            </w:r>
            <w:r w:rsidRPr="00474E4B">
              <w:t xml:space="preserve"> state membre. Partenerii de implementare pot, de asemenea, să acopere împreună opera</w:t>
            </w:r>
            <w:r w:rsidR="00474E4B" w:rsidRPr="00474E4B">
              <w:t>ț</w:t>
            </w:r>
            <w:r w:rsidRPr="00474E4B">
              <w:t>iunile de finan</w:t>
            </w:r>
            <w:r w:rsidR="00474E4B" w:rsidRPr="00474E4B">
              <w:t>ț</w:t>
            </w:r>
            <w:r w:rsidRPr="00474E4B">
              <w:t xml:space="preserve">are </w:t>
            </w:r>
            <w:r w:rsidR="00474E4B" w:rsidRPr="00474E4B">
              <w:t>ș</w:t>
            </w:r>
            <w:r w:rsidRPr="00474E4B">
              <w:t>i de investi</w:t>
            </w:r>
            <w:r w:rsidR="00474E4B" w:rsidRPr="00474E4B">
              <w:t>ț</w:t>
            </w:r>
            <w:r w:rsidRPr="00474E4B">
              <w:t>ii în cel pu</w:t>
            </w:r>
            <w:r w:rsidR="00474E4B" w:rsidRPr="00474E4B">
              <w:t>ț</w:t>
            </w:r>
            <w:r w:rsidRPr="00474E4B">
              <w:t xml:space="preserve">in </w:t>
            </w:r>
            <w:r w:rsidRPr="00474E4B">
              <w:rPr>
                <w:b/>
                <w:i/>
              </w:rPr>
              <w:t>două</w:t>
            </w:r>
            <w:r w:rsidRPr="00474E4B">
              <w:t xml:space="preserve"> state membre prin formarea unui grup. </w:t>
            </w:r>
            <w:r w:rsidRPr="00474E4B">
              <w:rPr>
                <w:b/>
                <w:i/>
              </w:rPr>
              <w:t>Această condi</w:t>
            </w:r>
            <w:r w:rsidR="00474E4B" w:rsidRPr="00474E4B">
              <w:rPr>
                <w:b/>
                <w:i/>
              </w:rPr>
              <w:t>ț</w:t>
            </w:r>
            <w:r w:rsidRPr="00474E4B">
              <w:rPr>
                <w:b/>
                <w:i/>
              </w:rPr>
              <w:t>ie poate fi îndeplinită prin acoperirea opera</w:t>
            </w:r>
            <w:r w:rsidR="00474E4B" w:rsidRPr="00474E4B">
              <w:rPr>
                <w:b/>
                <w:i/>
              </w:rPr>
              <w:t>ț</w:t>
            </w:r>
            <w:r w:rsidRPr="00474E4B">
              <w:rPr>
                <w:b/>
                <w:i/>
              </w:rPr>
              <w:t>iunilor de finan</w:t>
            </w:r>
            <w:r w:rsidR="00474E4B" w:rsidRPr="00474E4B">
              <w:rPr>
                <w:b/>
                <w:i/>
              </w:rPr>
              <w:t>ț</w:t>
            </w:r>
            <w:r w:rsidRPr="00474E4B">
              <w:rPr>
                <w:b/>
                <w:i/>
              </w:rPr>
              <w:t xml:space="preserve">are </w:t>
            </w:r>
            <w:r w:rsidR="00474E4B" w:rsidRPr="00474E4B">
              <w:rPr>
                <w:b/>
                <w:i/>
              </w:rPr>
              <w:t>ș</w:t>
            </w:r>
            <w:r w:rsidRPr="00474E4B">
              <w:rPr>
                <w:b/>
                <w:i/>
              </w:rPr>
              <w:t>i de investi</w:t>
            </w:r>
            <w:r w:rsidR="00474E4B" w:rsidRPr="00474E4B">
              <w:rPr>
                <w:b/>
                <w:i/>
              </w:rPr>
              <w:t>ț</w:t>
            </w:r>
            <w:r w:rsidRPr="00474E4B">
              <w:rPr>
                <w:b/>
                <w:i/>
              </w:rPr>
              <w:t>ii într-o regiune a unui stat membru.</w:t>
            </w:r>
          </w:p>
        </w:tc>
      </w:tr>
    </w:tbl>
    <w:p w:rsidR="00CC45A9" w:rsidRPr="00474E4B" w:rsidRDefault="00CC45A9" w:rsidP="00CC45A9">
      <w:pPr>
        <w:rPr>
          <w:rStyle w:val="HideTWBExt"/>
          <w:color w:val="auto"/>
        </w:rPr>
      </w:pPr>
      <w:r w:rsidRPr="00474E4B">
        <w:rPr>
          <w:rStyle w:val="HideTWBExt"/>
        </w:rPr>
        <w:lastRenderedPageBreak/>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55</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12 – alineatul 1 – paragraful 3</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 xml:space="preserve">Pentru compartimentul pentru statele membre, </w:t>
            </w:r>
            <w:r w:rsidRPr="00474E4B">
              <w:rPr>
                <w:b/>
                <w:i/>
              </w:rPr>
              <w:t>statul</w:t>
            </w:r>
            <w:r w:rsidRPr="00474E4B">
              <w:t xml:space="preserve"> membru în cauză poate propune unul sau mai multe contrapăr</w:t>
            </w:r>
            <w:r w:rsidR="00474E4B" w:rsidRPr="00474E4B">
              <w:t>ț</w:t>
            </w:r>
            <w:r w:rsidRPr="00474E4B">
              <w:t xml:space="preserve">i eligibile ca parteneri de implementare dintre cei care </w:t>
            </w:r>
            <w:r w:rsidR="00474E4B" w:rsidRPr="00474E4B">
              <w:t>ș</w:t>
            </w:r>
            <w:r w:rsidRPr="00474E4B">
              <w:t>i-au exprimat interesul în temeiul articolului</w:t>
            </w:r>
            <w:r w:rsidRPr="00474E4B">
              <w:rPr>
                <w:b/>
                <w:i/>
              </w:rPr>
              <w:t> </w:t>
            </w:r>
            <w:r w:rsidRPr="00474E4B">
              <w:t>9 alineatul</w:t>
            </w:r>
            <w:r w:rsidRPr="00474E4B">
              <w:rPr>
                <w:b/>
                <w:i/>
              </w:rPr>
              <w:t> </w:t>
            </w:r>
            <w:r w:rsidRPr="00474E4B">
              <w:t>(3) litera</w:t>
            </w:r>
            <w:r w:rsidRPr="00474E4B">
              <w:rPr>
                <w:b/>
                <w:i/>
              </w:rPr>
              <w:t> </w:t>
            </w:r>
            <w:r w:rsidRPr="00474E4B">
              <w:t>(c).</w:t>
            </w:r>
          </w:p>
        </w:tc>
        <w:tc>
          <w:tcPr>
            <w:tcW w:w="4876" w:type="dxa"/>
            <w:hideMark/>
          </w:tcPr>
          <w:p w:rsidR="00CC45A9" w:rsidRPr="00474E4B" w:rsidRDefault="00CC45A9" w:rsidP="001D1851">
            <w:pPr>
              <w:pStyle w:val="Normal6"/>
              <w:rPr>
                <w:noProof/>
                <w:szCs w:val="24"/>
              </w:rPr>
            </w:pPr>
            <w:r w:rsidRPr="00474E4B">
              <w:t xml:space="preserve">Pentru compartimentul pentru statele membre, </w:t>
            </w:r>
            <w:r w:rsidRPr="00474E4B">
              <w:rPr>
                <w:b/>
                <w:i/>
              </w:rPr>
              <w:t>autoritatea competentă a statului</w:t>
            </w:r>
            <w:r w:rsidRPr="00474E4B">
              <w:t xml:space="preserve"> membru</w:t>
            </w:r>
            <w:r w:rsidRPr="00474E4B">
              <w:rPr>
                <w:b/>
                <w:i/>
              </w:rPr>
              <w:t xml:space="preserve"> sau a regiunii</w:t>
            </w:r>
            <w:r w:rsidRPr="00474E4B">
              <w:t xml:space="preserve"> în cauză poate propune unul sau mai multe contrapăr</w:t>
            </w:r>
            <w:r w:rsidR="00474E4B" w:rsidRPr="00474E4B">
              <w:t>ț</w:t>
            </w:r>
            <w:r w:rsidRPr="00474E4B">
              <w:t xml:space="preserve">i eligibile ca parteneri de implementare dintre cei care </w:t>
            </w:r>
            <w:r w:rsidR="00474E4B" w:rsidRPr="00474E4B">
              <w:t>ș</w:t>
            </w:r>
            <w:r w:rsidRPr="00474E4B">
              <w:t>i-au exprimat interesul în temeiul articolului</w:t>
            </w:r>
            <w:r w:rsidRPr="00474E4B">
              <w:rPr>
                <w:b/>
                <w:i/>
              </w:rPr>
              <w:t xml:space="preserve"> </w:t>
            </w:r>
            <w:r w:rsidRPr="00474E4B">
              <w:t>9 alineatul</w:t>
            </w:r>
            <w:r w:rsidRPr="00474E4B">
              <w:rPr>
                <w:b/>
                <w:i/>
              </w:rPr>
              <w:t xml:space="preserve"> </w:t>
            </w:r>
            <w:r w:rsidRPr="00474E4B">
              <w:t>(3) litera</w:t>
            </w:r>
            <w:r w:rsidRPr="00474E4B">
              <w:rPr>
                <w:b/>
                <w:i/>
              </w:rPr>
              <w:t xml:space="preserve"> </w:t>
            </w:r>
            <w:r w:rsidRPr="00474E4B">
              <w:t>(c).</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56</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12 – alineatul 1 – paragraful 4</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În cazul în care statul membru în cauză nu propune un partener de implementare, Comisia procedează în conformitate cu al doilea paragraf al prezentului alineat, între acei parteneri de implementare care pot acoperi opera</w:t>
            </w:r>
            <w:r w:rsidR="00474E4B" w:rsidRPr="00474E4B">
              <w:t>ț</w:t>
            </w:r>
            <w:r w:rsidRPr="00474E4B">
              <w:t>iunile de finan</w:t>
            </w:r>
            <w:r w:rsidR="00474E4B" w:rsidRPr="00474E4B">
              <w:t>ț</w:t>
            </w:r>
            <w:r w:rsidRPr="00474E4B">
              <w:t xml:space="preserve">are </w:t>
            </w:r>
            <w:r w:rsidR="00474E4B" w:rsidRPr="00474E4B">
              <w:t>ș</w:t>
            </w:r>
            <w:r w:rsidRPr="00474E4B">
              <w:t>i de investi</w:t>
            </w:r>
            <w:r w:rsidR="00474E4B" w:rsidRPr="00474E4B">
              <w:t>ț</w:t>
            </w:r>
            <w:r w:rsidRPr="00474E4B">
              <w:t>ii în zonele geografice în cauză.</w:t>
            </w:r>
          </w:p>
        </w:tc>
        <w:tc>
          <w:tcPr>
            <w:tcW w:w="4876" w:type="dxa"/>
            <w:hideMark/>
          </w:tcPr>
          <w:p w:rsidR="00CC45A9" w:rsidRPr="00474E4B" w:rsidRDefault="00CC45A9" w:rsidP="001D1851">
            <w:pPr>
              <w:pStyle w:val="Normal6"/>
              <w:rPr>
                <w:noProof/>
                <w:szCs w:val="24"/>
              </w:rPr>
            </w:pPr>
            <w:r w:rsidRPr="00474E4B">
              <w:t xml:space="preserve">În cazul în care statul membru </w:t>
            </w:r>
            <w:r w:rsidRPr="00474E4B">
              <w:rPr>
                <w:b/>
                <w:i/>
              </w:rPr>
              <w:t xml:space="preserve">sau regiunea </w:t>
            </w:r>
            <w:r w:rsidRPr="00474E4B">
              <w:t>în cauză nu propune un partener de implementare, Comisia procedează în conformitate cu al doilea paragraf al prezentului alineat, între acei parteneri de implementare care pot acoperi opera</w:t>
            </w:r>
            <w:r w:rsidR="00474E4B" w:rsidRPr="00474E4B">
              <w:t>ț</w:t>
            </w:r>
            <w:r w:rsidRPr="00474E4B">
              <w:t>iunile de finan</w:t>
            </w:r>
            <w:r w:rsidR="00474E4B" w:rsidRPr="00474E4B">
              <w:t>ț</w:t>
            </w:r>
            <w:r w:rsidRPr="00474E4B">
              <w:t xml:space="preserve">are </w:t>
            </w:r>
            <w:r w:rsidR="00474E4B" w:rsidRPr="00474E4B">
              <w:t>ș</w:t>
            </w:r>
            <w:r w:rsidRPr="00474E4B">
              <w:t>i de investi</w:t>
            </w:r>
            <w:r w:rsidR="00474E4B" w:rsidRPr="00474E4B">
              <w:t>ț</w:t>
            </w:r>
            <w:r w:rsidRPr="00474E4B">
              <w:t>ii în zonele geografice în cauză.</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57</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12 – alineatul 2 – litera d</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d)</w:t>
            </w:r>
            <w:r w:rsidRPr="00474E4B">
              <w:tab/>
              <w:t xml:space="preserve">conduce la </w:t>
            </w:r>
            <w:r w:rsidRPr="00474E4B">
              <w:rPr>
                <w:b/>
                <w:i/>
              </w:rPr>
              <w:t>diversificarea</w:t>
            </w:r>
            <w:r w:rsidRPr="00474E4B">
              <w:t xml:space="preserve"> geografică;</w:t>
            </w:r>
          </w:p>
        </w:tc>
        <w:tc>
          <w:tcPr>
            <w:tcW w:w="4876" w:type="dxa"/>
            <w:hideMark/>
          </w:tcPr>
          <w:p w:rsidR="00CC45A9" w:rsidRPr="00474E4B" w:rsidRDefault="00CC45A9" w:rsidP="001D1851">
            <w:pPr>
              <w:pStyle w:val="Normal6"/>
              <w:rPr>
                <w:noProof/>
                <w:szCs w:val="24"/>
              </w:rPr>
            </w:pPr>
            <w:r w:rsidRPr="00474E4B">
              <w:t>(d)</w:t>
            </w:r>
            <w:r w:rsidRPr="00474E4B">
              <w:tab/>
              <w:t xml:space="preserve">conduce la </w:t>
            </w:r>
            <w:r w:rsidRPr="00474E4B">
              <w:rPr>
                <w:b/>
                <w:i/>
              </w:rPr>
              <w:t>o diversificare</w:t>
            </w:r>
            <w:r w:rsidRPr="00474E4B">
              <w:t xml:space="preserve"> geografică</w:t>
            </w:r>
            <w:r w:rsidRPr="00474E4B">
              <w:rPr>
                <w:b/>
                <w:i/>
              </w:rPr>
              <w:t xml:space="preserve"> echilibrată între statele membre</w:t>
            </w:r>
            <w:r w:rsidRPr="00474E4B">
              <w:t>;</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58</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Articolul 16 – alineatul 1</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1.</w:t>
            </w:r>
            <w:r w:rsidRPr="00474E4B">
              <w:tab/>
              <w:t>Remunera</w:t>
            </w:r>
            <w:r w:rsidR="00474E4B" w:rsidRPr="00474E4B">
              <w:t>ț</w:t>
            </w:r>
            <w:r w:rsidRPr="00474E4B">
              <w:t xml:space="preserve">ia pentru asumarea riscurilor se alocă între Uniune </w:t>
            </w:r>
            <w:r w:rsidR="00474E4B" w:rsidRPr="00474E4B">
              <w:t>ș</w:t>
            </w:r>
            <w:r w:rsidRPr="00474E4B">
              <w:t>i un partener de implementare, propor</w:t>
            </w:r>
            <w:r w:rsidR="00474E4B" w:rsidRPr="00474E4B">
              <w:t>ț</w:t>
            </w:r>
            <w:r w:rsidRPr="00474E4B">
              <w:t>ional cu cota lor de participare la asumarea riscurilor aferente unui portofoliu de opera</w:t>
            </w:r>
            <w:r w:rsidR="00474E4B" w:rsidRPr="00474E4B">
              <w:t>ț</w:t>
            </w:r>
            <w:r w:rsidRPr="00474E4B">
              <w:t>iuni de finan</w:t>
            </w:r>
            <w:r w:rsidR="00474E4B" w:rsidRPr="00474E4B">
              <w:t>ț</w:t>
            </w:r>
            <w:r w:rsidRPr="00474E4B">
              <w:t xml:space="preserve">are </w:t>
            </w:r>
            <w:r w:rsidR="00474E4B" w:rsidRPr="00474E4B">
              <w:t>ș</w:t>
            </w:r>
            <w:r w:rsidRPr="00474E4B">
              <w:t>i de investi</w:t>
            </w:r>
            <w:r w:rsidR="00474E4B" w:rsidRPr="00474E4B">
              <w:t>ț</w:t>
            </w:r>
            <w:r w:rsidRPr="00474E4B">
              <w:t>ii sau, după caz, de opera</w:t>
            </w:r>
            <w:r w:rsidR="00474E4B" w:rsidRPr="00474E4B">
              <w:t>ț</w:t>
            </w:r>
            <w:r w:rsidRPr="00474E4B">
              <w:t xml:space="preserve">iuni individuale. Partenerul de implementare are o expunere </w:t>
            </w:r>
            <w:r w:rsidRPr="00474E4B">
              <w:rPr>
                <w:b/>
                <w:i/>
              </w:rPr>
              <w:t>adecvată</w:t>
            </w:r>
            <w:r w:rsidRPr="00474E4B">
              <w:t>, pe propriul risc, la opera</w:t>
            </w:r>
            <w:r w:rsidR="00474E4B" w:rsidRPr="00474E4B">
              <w:t>ț</w:t>
            </w:r>
            <w:r w:rsidRPr="00474E4B">
              <w:t>iunile de finan</w:t>
            </w:r>
            <w:r w:rsidR="00474E4B" w:rsidRPr="00474E4B">
              <w:t>ț</w:t>
            </w:r>
            <w:r w:rsidRPr="00474E4B">
              <w:t xml:space="preserve">are </w:t>
            </w:r>
            <w:r w:rsidR="00474E4B" w:rsidRPr="00474E4B">
              <w:t>ș</w:t>
            </w:r>
            <w:r w:rsidRPr="00474E4B">
              <w:t>i investi</w:t>
            </w:r>
            <w:r w:rsidR="00474E4B" w:rsidRPr="00474E4B">
              <w:t>ț</w:t>
            </w:r>
            <w:r w:rsidRPr="00474E4B">
              <w:t>ii sus</w:t>
            </w:r>
            <w:r w:rsidR="00474E4B" w:rsidRPr="00474E4B">
              <w:t>ț</w:t>
            </w:r>
            <w:r w:rsidRPr="00474E4B">
              <w:t>inute de garan</w:t>
            </w:r>
            <w:r w:rsidR="00474E4B" w:rsidRPr="00474E4B">
              <w:t>ț</w:t>
            </w:r>
            <w:r w:rsidRPr="00474E4B">
              <w:t>ia UE, cu excep</w:t>
            </w:r>
            <w:r w:rsidR="00474E4B" w:rsidRPr="00474E4B">
              <w:t>ț</w:t>
            </w:r>
            <w:r w:rsidRPr="00474E4B">
              <w:t>ia cazului în care</w:t>
            </w:r>
            <w:r w:rsidRPr="00474E4B">
              <w:rPr>
                <w:b/>
                <w:i/>
              </w:rPr>
              <w:t>, în mod excep</w:t>
            </w:r>
            <w:r w:rsidR="00474E4B" w:rsidRPr="00474E4B">
              <w:rPr>
                <w:b/>
                <w:i/>
              </w:rPr>
              <w:t>ț</w:t>
            </w:r>
            <w:r w:rsidRPr="00474E4B">
              <w:rPr>
                <w:b/>
                <w:i/>
              </w:rPr>
              <w:t>ional,</w:t>
            </w:r>
            <w:r w:rsidRPr="00474E4B">
              <w:t xml:space="preserve"> obiectivele de politică vizate de produsul financiar care urmează a fi pus în aplicare sunt de a</w:t>
            </w:r>
            <w:r w:rsidR="00474E4B" w:rsidRPr="00474E4B">
              <w:t>ș</w:t>
            </w:r>
            <w:r w:rsidRPr="00474E4B">
              <w:t>a natură încât partenerul de implementare nu poate contribui în mod rezonabil cu propria capacitate de a-</w:t>
            </w:r>
            <w:r w:rsidR="00474E4B" w:rsidRPr="00474E4B">
              <w:t>ș</w:t>
            </w:r>
            <w:r w:rsidRPr="00474E4B">
              <w:t>i asuma riscuri.</w:t>
            </w:r>
          </w:p>
        </w:tc>
        <w:tc>
          <w:tcPr>
            <w:tcW w:w="4876" w:type="dxa"/>
          </w:tcPr>
          <w:p w:rsidR="00CC45A9" w:rsidRPr="00474E4B" w:rsidRDefault="00CC45A9" w:rsidP="001D1851">
            <w:pPr>
              <w:pStyle w:val="Normal6"/>
              <w:rPr>
                <w:noProof/>
              </w:rPr>
            </w:pPr>
            <w:r w:rsidRPr="00474E4B">
              <w:t>1.</w:t>
            </w:r>
            <w:r w:rsidRPr="00474E4B">
              <w:tab/>
              <w:t>Remunera</w:t>
            </w:r>
            <w:r w:rsidR="00474E4B" w:rsidRPr="00474E4B">
              <w:t>ț</w:t>
            </w:r>
            <w:r w:rsidRPr="00474E4B">
              <w:t xml:space="preserve">ia pentru asumarea riscurilor se alocă între Uniune </w:t>
            </w:r>
            <w:r w:rsidR="00474E4B" w:rsidRPr="00474E4B">
              <w:t>ș</w:t>
            </w:r>
            <w:r w:rsidRPr="00474E4B">
              <w:t>i un partener de implementare, propor</w:t>
            </w:r>
            <w:r w:rsidR="00474E4B" w:rsidRPr="00474E4B">
              <w:t>ț</w:t>
            </w:r>
            <w:r w:rsidRPr="00474E4B">
              <w:t>ional cu cota lor de participare la asumarea riscurilor aferente unui portofoliu de opera</w:t>
            </w:r>
            <w:r w:rsidR="00474E4B" w:rsidRPr="00474E4B">
              <w:t>ț</w:t>
            </w:r>
            <w:r w:rsidRPr="00474E4B">
              <w:t>iuni de finan</w:t>
            </w:r>
            <w:r w:rsidR="00474E4B" w:rsidRPr="00474E4B">
              <w:t>ț</w:t>
            </w:r>
            <w:r w:rsidRPr="00474E4B">
              <w:t xml:space="preserve">are </w:t>
            </w:r>
            <w:r w:rsidR="00474E4B" w:rsidRPr="00474E4B">
              <w:t>ș</w:t>
            </w:r>
            <w:r w:rsidRPr="00474E4B">
              <w:t>i de investi</w:t>
            </w:r>
            <w:r w:rsidR="00474E4B" w:rsidRPr="00474E4B">
              <w:t>ț</w:t>
            </w:r>
            <w:r w:rsidRPr="00474E4B">
              <w:t>ii sau, după caz, de opera</w:t>
            </w:r>
            <w:r w:rsidR="00474E4B" w:rsidRPr="00474E4B">
              <w:t>ț</w:t>
            </w:r>
            <w:r w:rsidRPr="00474E4B">
              <w:t xml:space="preserve">iuni individuale. Partenerul de implementare are o expunere </w:t>
            </w:r>
            <w:r w:rsidRPr="00474E4B">
              <w:rPr>
                <w:b/>
                <w:i/>
              </w:rPr>
              <w:t>echilibrată</w:t>
            </w:r>
            <w:r w:rsidRPr="00474E4B">
              <w:t>, pe propriul risc, la opera</w:t>
            </w:r>
            <w:r w:rsidR="00474E4B" w:rsidRPr="00474E4B">
              <w:t>ț</w:t>
            </w:r>
            <w:r w:rsidRPr="00474E4B">
              <w:t>iunile de finan</w:t>
            </w:r>
            <w:r w:rsidR="00474E4B" w:rsidRPr="00474E4B">
              <w:t>ț</w:t>
            </w:r>
            <w:r w:rsidRPr="00474E4B">
              <w:t xml:space="preserve">are </w:t>
            </w:r>
            <w:r w:rsidR="00474E4B" w:rsidRPr="00474E4B">
              <w:t>ș</w:t>
            </w:r>
            <w:r w:rsidRPr="00474E4B">
              <w:t>i investi</w:t>
            </w:r>
            <w:r w:rsidR="00474E4B" w:rsidRPr="00474E4B">
              <w:t>ț</w:t>
            </w:r>
            <w:r w:rsidRPr="00474E4B">
              <w:t>ii sus</w:t>
            </w:r>
            <w:r w:rsidR="00474E4B" w:rsidRPr="00474E4B">
              <w:t>ț</w:t>
            </w:r>
            <w:r w:rsidRPr="00474E4B">
              <w:t>inute de garan</w:t>
            </w:r>
            <w:r w:rsidR="00474E4B" w:rsidRPr="00474E4B">
              <w:t>ț</w:t>
            </w:r>
            <w:r w:rsidRPr="00474E4B">
              <w:t>ia UE</w:t>
            </w:r>
            <w:r w:rsidRPr="00474E4B">
              <w:rPr>
                <w:b/>
                <w:i/>
              </w:rPr>
              <w:t xml:space="preserve"> </w:t>
            </w:r>
            <w:r w:rsidR="00474E4B" w:rsidRPr="00474E4B">
              <w:rPr>
                <w:b/>
                <w:i/>
              </w:rPr>
              <w:t>ș</w:t>
            </w:r>
            <w:r w:rsidRPr="00474E4B">
              <w:rPr>
                <w:b/>
                <w:i/>
              </w:rPr>
              <w:t>i, prin urmare, la garan</w:t>
            </w:r>
            <w:r w:rsidR="00474E4B" w:rsidRPr="00474E4B">
              <w:rPr>
                <w:b/>
                <w:i/>
              </w:rPr>
              <w:t>ț</w:t>
            </w:r>
            <w:r w:rsidRPr="00474E4B">
              <w:rPr>
                <w:b/>
                <w:i/>
              </w:rPr>
              <w:t>ia de primă pierdere</w:t>
            </w:r>
            <w:r w:rsidRPr="00474E4B">
              <w:t>, cu excep</w:t>
            </w:r>
            <w:r w:rsidR="00474E4B" w:rsidRPr="00474E4B">
              <w:t>ț</w:t>
            </w:r>
            <w:r w:rsidRPr="00474E4B">
              <w:t>ia cazului în care obiectivele de politică vizate de produsul financiar care urmează a fi pus în aplicare sunt de a</w:t>
            </w:r>
            <w:r w:rsidR="00474E4B" w:rsidRPr="00474E4B">
              <w:t>ș</w:t>
            </w:r>
            <w:r w:rsidRPr="00474E4B">
              <w:t>a natură încât partenerul de implementare nu poate contribui în mod rezonabil cu propria capacitate de a-</w:t>
            </w:r>
            <w:r w:rsidR="00474E4B" w:rsidRPr="00474E4B">
              <w:t>ș</w:t>
            </w:r>
            <w:r w:rsidRPr="00474E4B">
              <w:t>i asuma riscuri.</w:t>
            </w:r>
          </w:p>
        </w:tc>
      </w:tr>
    </w:tbl>
    <w:p w:rsidR="00CC45A9" w:rsidRPr="00474E4B" w:rsidRDefault="00CC45A9" w:rsidP="00CC45A9">
      <w:pPr>
        <w:pStyle w:val="AMNumberTabs"/>
        <w:rPr>
          <w:rStyle w:val="HideTWBExt"/>
          <w:color w:val="auto"/>
        </w:rPr>
      </w:pPr>
      <w:r w:rsidRPr="00474E4B">
        <w:rPr>
          <w:rStyle w:val="HideTWBExt"/>
        </w:rPr>
        <w:t>&lt;/Amend&gt;</w:t>
      </w:r>
    </w:p>
    <w:p w:rsidR="00CC45A9" w:rsidRPr="00474E4B" w:rsidRDefault="00CC45A9" w:rsidP="00CC45A9">
      <w:pPr>
        <w:rPr>
          <w:noProof/>
        </w:rPr>
      </w:pP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59</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Articolul 17 – alineatul 5 a (nou)</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tcPr>
          <w:p w:rsidR="00CC45A9" w:rsidRPr="00474E4B" w:rsidRDefault="00CC45A9" w:rsidP="001D1851">
            <w:pPr>
              <w:pStyle w:val="Normal6"/>
              <w:rPr>
                <w:noProof/>
              </w:rPr>
            </w:pPr>
            <w:r w:rsidRPr="00474E4B">
              <w:rPr>
                <w:b/>
                <w:i/>
              </w:rPr>
              <w:t>5a.</w:t>
            </w:r>
            <w:r w:rsidRPr="00474E4B">
              <w:tab/>
            </w:r>
            <w:r w:rsidRPr="00474E4B">
              <w:rPr>
                <w:b/>
                <w:i/>
              </w:rPr>
              <w:t>Procesele-verbale ale reuniunilor consiliului consultativ sunt puse la dispozi</w:t>
            </w:r>
            <w:r w:rsidR="00474E4B" w:rsidRPr="00474E4B">
              <w:rPr>
                <w:b/>
                <w:i/>
              </w:rPr>
              <w:t>ț</w:t>
            </w:r>
            <w:r w:rsidRPr="00474E4B">
              <w:rPr>
                <w:b/>
                <w:i/>
              </w:rPr>
              <w:t>ia publicului pe o pagină de internet specială.</w:t>
            </w:r>
          </w:p>
        </w:tc>
      </w:tr>
    </w:tbl>
    <w:p w:rsidR="00CC45A9" w:rsidRPr="00474E4B" w:rsidRDefault="00CC45A9" w:rsidP="00CC45A9">
      <w:pPr>
        <w:rPr>
          <w:rStyle w:val="HideTWBExt"/>
          <w:color w:val="auto"/>
        </w:rPr>
      </w:pPr>
      <w:r w:rsidRPr="00474E4B">
        <w:rPr>
          <w:rStyle w:val="HideTWBExt"/>
        </w:rPr>
        <w:lastRenderedPageBreak/>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60</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20 – alineatul 1 – paragraful 2 a (nou)</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rPr>
              <w:t>Platforma de consiliere InvestEU oferă sprijin consultativ la nivel na</w:t>
            </w:r>
            <w:r w:rsidR="00474E4B" w:rsidRPr="00474E4B">
              <w:rPr>
                <w:b/>
                <w:i/>
              </w:rPr>
              <w:t>ț</w:t>
            </w:r>
            <w:r w:rsidRPr="00474E4B">
              <w:rPr>
                <w:b/>
                <w:i/>
              </w:rPr>
              <w:t xml:space="preserve">ional, regional </w:t>
            </w:r>
            <w:r w:rsidR="00474E4B" w:rsidRPr="00474E4B">
              <w:rPr>
                <w:b/>
                <w:i/>
              </w:rPr>
              <w:t>ș</w:t>
            </w:r>
            <w:r w:rsidRPr="00474E4B">
              <w:rPr>
                <w:b/>
                <w:i/>
              </w:rPr>
              <w:t xml:space="preserve">i local, inclusiv în regiunile ultraperiferice, pentru a promova proiecte cu scopul de a garanta că aspectele sociale </w:t>
            </w:r>
            <w:r w:rsidR="00474E4B" w:rsidRPr="00474E4B">
              <w:rPr>
                <w:b/>
                <w:i/>
              </w:rPr>
              <w:t>ș</w:t>
            </w:r>
            <w:r w:rsidRPr="00474E4B">
              <w:rPr>
                <w:b/>
                <w:i/>
              </w:rPr>
              <w:t>i de mediu sunt luate în considerare pe tot parcursul ciclului proiectelor. Acest sprijin include asisten</w:t>
            </w:r>
            <w:r w:rsidR="00474E4B" w:rsidRPr="00474E4B">
              <w:rPr>
                <w:b/>
                <w:i/>
              </w:rPr>
              <w:t>ț</w:t>
            </w:r>
            <w:r w:rsidRPr="00474E4B">
              <w:rPr>
                <w:b/>
                <w:i/>
              </w:rPr>
              <w:t xml:space="preserve">ă pentru dezvoltarea de proiecte </w:t>
            </w:r>
            <w:r w:rsidR="00474E4B" w:rsidRPr="00474E4B">
              <w:rPr>
                <w:b/>
                <w:i/>
              </w:rPr>
              <w:t>ș</w:t>
            </w:r>
            <w:r w:rsidRPr="00474E4B">
              <w:rPr>
                <w:b/>
                <w:i/>
              </w:rPr>
              <w:t>i consolidarea capacită</w:t>
            </w:r>
            <w:r w:rsidR="00474E4B" w:rsidRPr="00474E4B">
              <w:rPr>
                <w:b/>
                <w:i/>
              </w:rPr>
              <w:t>ț</w:t>
            </w:r>
            <w:r w:rsidRPr="00474E4B">
              <w:rPr>
                <w:b/>
                <w:i/>
              </w:rPr>
              <w:t>ilor.</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61</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20 – alineatul 2 – litera fa (nouă)</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rPr>
              <w:t>(fa)</w:t>
            </w:r>
            <w:r w:rsidRPr="00474E4B">
              <w:rPr>
                <w:b/>
                <w:i/>
              </w:rPr>
              <w:tab/>
              <w:t>realizarea de ac</w:t>
            </w:r>
            <w:r w:rsidR="00474E4B" w:rsidRPr="00474E4B">
              <w:rPr>
                <w:b/>
                <w:i/>
              </w:rPr>
              <w:t>ț</w:t>
            </w:r>
            <w:r w:rsidRPr="00474E4B">
              <w:rPr>
                <w:b/>
                <w:i/>
              </w:rPr>
              <w:t xml:space="preserve">iuni de comunicare pentru a sensibiliza cu privire la sprijinul disponibil pentru promotorii de proiecte </w:t>
            </w:r>
            <w:r w:rsidR="00474E4B" w:rsidRPr="00474E4B">
              <w:rPr>
                <w:b/>
                <w:i/>
              </w:rPr>
              <w:t>ș</w:t>
            </w:r>
            <w:r w:rsidRPr="00474E4B">
              <w:rPr>
                <w:b/>
                <w:i/>
              </w:rPr>
              <w:t xml:space="preserve">i intermediarii financiari </w:t>
            </w:r>
            <w:r w:rsidR="00474E4B" w:rsidRPr="00474E4B">
              <w:rPr>
                <w:b/>
                <w:i/>
              </w:rPr>
              <w:t>ș</w:t>
            </w:r>
            <w:r w:rsidRPr="00474E4B">
              <w:rPr>
                <w:b/>
                <w:i/>
              </w:rPr>
              <w:t xml:space="preserve">i de alt tip, sprijin acordat de platforma de consiliere, </w:t>
            </w:r>
            <w:r w:rsidR="00474E4B" w:rsidRPr="00474E4B">
              <w:rPr>
                <w:b/>
                <w:i/>
              </w:rPr>
              <w:t>ș</w:t>
            </w:r>
            <w:r w:rsidRPr="00474E4B">
              <w:rPr>
                <w:b/>
                <w:i/>
              </w:rPr>
              <w:t>i, la un nivel mai general, cu privire la posibilită</w:t>
            </w:r>
            <w:r w:rsidR="00474E4B" w:rsidRPr="00474E4B">
              <w:rPr>
                <w:b/>
                <w:i/>
              </w:rPr>
              <w:t>ț</w:t>
            </w:r>
            <w:r w:rsidRPr="00474E4B">
              <w:rPr>
                <w:b/>
                <w:i/>
              </w:rPr>
              <w:t>ile existente în cadrul ini</w:t>
            </w:r>
            <w:r w:rsidR="00474E4B" w:rsidRPr="00474E4B">
              <w:rPr>
                <w:b/>
                <w:i/>
              </w:rPr>
              <w:t>ț</w:t>
            </w:r>
            <w:r w:rsidRPr="00474E4B">
              <w:rPr>
                <w:b/>
                <w:i/>
              </w:rPr>
              <w:t>iativei InvestEU.</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62</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Articolul 21 – alineatul 1</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1.</w:t>
            </w:r>
            <w:r w:rsidRPr="00474E4B">
              <w:tab/>
              <w:t xml:space="preserve">Comisia instituie Portalul InvestEU. Acesta trebuie să fie o bază de date </w:t>
            </w:r>
            <w:r w:rsidRPr="00474E4B">
              <w:rPr>
                <w:b/>
                <w:i/>
              </w:rPr>
              <w:t>u</w:t>
            </w:r>
            <w:r w:rsidR="00474E4B" w:rsidRPr="00474E4B">
              <w:rPr>
                <w:b/>
                <w:i/>
              </w:rPr>
              <w:t>ș</w:t>
            </w:r>
            <w:r w:rsidRPr="00474E4B">
              <w:rPr>
                <w:b/>
                <w:i/>
              </w:rPr>
              <w:t xml:space="preserve">or accesibilă </w:t>
            </w:r>
            <w:r w:rsidR="00474E4B" w:rsidRPr="00474E4B">
              <w:rPr>
                <w:b/>
                <w:i/>
              </w:rPr>
              <w:t>ș</w:t>
            </w:r>
            <w:r w:rsidRPr="00474E4B">
              <w:rPr>
                <w:b/>
                <w:i/>
              </w:rPr>
              <w:t>i</w:t>
            </w:r>
            <w:r w:rsidRPr="00474E4B">
              <w:t xml:space="preserve"> u</w:t>
            </w:r>
            <w:r w:rsidR="00474E4B" w:rsidRPr="00474E4B">
              <w:t>ș</w:t>
            </w:r>
            <w:r w:rsidRPr="00474E4B">
              <w:t>or de utilizat, care să furnizeze informa</w:t>
            </w:r>
            <w:r w:rsidR="00474E4B" w:rsidRPr="00474E4B">
              <w:t>ț</w:t>
            </w:r>
            <w:r w:rsidRPr="00474E4B">
              <w:t>ii relevante pentru fiecare proiect.</w:t>
            </w:r>
          </w:p>
        </w:tc>
        <w:tc>
          <w:tcPr>
            <w:tcW w:w="4876" w:type="dxa"/>
          </w:tcPr>
          <w:p w:rsidR="00CC45A9" w:rsidRPr="00474E4B" w:rsidRDefault="00CC45A9" w:rsidP="001D1851">
            <w:pPr>
              <w:pStyle w:val="Normal6"/>
              <w:rPr>
                <w:noProof/>
              </w:rPr>
            </w:pPr>
            <w:r w:rsidRPr="00474E4B">
              <w:t>1.</w:t>
            </w:r>
            <w:r w:rsidRPr="00474E4B">
              <w:tab/>
              <w:t xml:space="preserve">Comisia instituie Portalul InvestEU. Acesta trebuie să fie o bază de date </w:t>
            </w:r>
            <w:r w:rsidRPr="00474E4B">
              <w:rPr>
                <w:b/>
                <w:i/>
              </w:rPr>
              <w:t>de proiecte</w:t>
            </w:r>
            <w:r w:rsidRPr="00474E4B">
              <w:t xml:space="preserve"> u</w:t>
            </w:r>
            <w:r w:rsidR="00474E4B" w:rsidRPr="00474E4B">
              <w:t>ș</w:t>
            </w:r>
            <w:r w:rsidRPr="00474E4B">
              <w:t>or de utilizat</w:t>
            </w:r>
            <w:r w:rsidRPr="00474E4B">
              <w:rPr>
                <w:b/>
                <w:i/>
              </w:rPr>
              <w:t>, disponibilă în toate limbile oficiale ale UE</w:t>
            </w:r>
            <w:r w:rsidRPr="00474E4B">
              <w:t>, care să furnizeze informa</w:t>
            </w:r>
            <w:r w:rsidR="00474E4B" w:rsidRPr="00474E4B">
              <w:t>ț</w:t>
            </w:r>
            <w:r w:rsidRPr="00474E4B">
              <w:t>ii relevante pentru fiecare proiect.</w:t>
            </w:r>
          </w:p>
        </w:tc>
      </w:tr>
    </w:tbl>
    <w:p w:rsidR="00CC45A9" w:rsidRPr="00474E4B" w:rsidRDefault="00CC45A9" w:rsidP="00CC45A9">
      <w:pPr>
        <w:rPr>
          <w:rStyle w:val="HideTWBExt"/>
          <w:color w:val="auto"/>
        </w:rPr>
      </w:pPr>
      <w:r w:rsidRPr="00474E4B">
        <w:rPr>
          <w:rStyle w:val="HideTWBExt"/>
        </w:rPr>
        <w:lastRenderedPageBreak/>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63</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22 – alineatul 1 a (nou)</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rPr>
              <w:t>1a.</w:t>
            </w:r>
            <w:r w:rsidRPr="00474E4B">
              <w:rPr>
                <w:b/>
                <w:i/>
              </w:rPr>
              <w:tab/>
              <w:t>Comisia stabile</w:t>
            </w:r>
            <w:r w:rsidR="00474E4B" w:rsidRPr="00474E4B">
              <w:rPr>
                <w:b/>
                <w:i/>
              </w:rPr>
              <w:t>ș</w:t>
            </w:r>
            <w:r w:rsidRPr="00474E4B">
              <w:rPr>
                <w:b/>
                <w:i/>
              </w:rPr>
              <w:t>te o metodologie pentru a furniza indicatori calitativi pentru o evaluare exactă a progresului înregistrat în privin</w:t>
            </w:r>
            <w:r w:rsidR="00474E4B" w:rsidRPr="00474E4B">
              <w:rPr>
                <w:b/>
                <w:i/>
              </w:rPr>
              <w:t>ț</w:t>
            </w:r>
            <w:r w:rsidRPr="00474E4B">
              <w:rPr>
                <w:b/>
                <w:i/>
              </w:rPr>
              <w:t>a îndeplinirii obiectivelor stabilite la articolul 3. Pe baza acestei metodologii, Comisia completează anexa III, cel târziu până la 1 ianuarie 2021.</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64</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22 – alineatul 3</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3.</w:t>
            </w:r>
            <w:r w:rsidRPr="00474E4B">
              <w:tab/>
              <w:t>Sistemele de raportare cu privire la performan</w:t>
            </w:r>
            <w:r w:rsidR="00474E4B" w:rsidRPr="00474E4B">
              <w:t>ț</w:t>
            </w:r>
            <w:r w:rsidRPr="00474E4B">
              <w:t xml:space="preserve">ă au rolul de a garanta că datele referitoare la monitorizarea punerii în aplicare </w:t>
            </w:r>
            <w:r w:rsidR="00474E4B" w:rsidRPr="00474E4B">
              <w:t>ș</w:t>
            </w:r>
            <w:r w:rsidRPr="00474E4B">
              <w:t xml:space="preserve">i a rezultatelor sunt colectate în mod eficient, cu eficacitate </w:t>
            </w:r>
            <w:r w:rsidR="00474E4B" w:rsidRPr="00474E4B">
              <w:t>ș</w:t>
            </w:r>
            <w:r w:rsidRPr="00474E4B">
              <w:t xml:space="preserve">i la timp. În acest scop, partenerilor de implementare </w:t>
            </w:r>
            <w:r w:rsidR="00474E4B" w:rsidRPr="00474E4B">
              <w:t>ș</w:t>
            </w:r>
            <w:r w:rsidRPr="00474E4B">
              <w:t>i altor beneficiari de fonduri ale Uniunii li se vor impune cerin</w:t>
            </w:r>
            <w:r w:rsidR="00474E4B" w:rsidRPr="00474E4B">
              <w:t>ț</w:t>
            </w:r>
            <w:r w:rsidRPr="00474E4B">
              <w:t>e de raportare propor</w:t>
            </w:r>
            <w:r w:rsidR="00474E4B" w:rsidRPr="00474E4B">
              <w:t>ț</w:t>
            </w:r>
            <w:r w:rsidRPr="00474E4B">
              <w:t>ionale, după caz.</w:t>
            </w:r>
          </w:p>
        </w:tc>
        <w:tc>
          <w:tcPr>
            <w:tcW w:w="4876" w:type="dxa"/>
            <w:hideMark/>
          </w:tcPr>
          <w:p w:rsidR="00CC45A9" w:rsidRPr="00474E4B" w:rsidRDefault="00CC45A9" w:rsidP="001D1851">
            <w:pPr>
              <w:pStyle w:val="Normal6"/>
              <w:rPr>
                <w:noProof/>
                <w:szCs w:val="24"/>
              </w:rPr>
            </w:pPr>
            <w:r w:rsidRPr="00474E4B">
              <w:t>3.</w:t>
            </w:r>
            <w:r w:rsidRPr="00474E4B">
              <w:tab/>
              <w:t>Sistemele de raportare cu privire la performan</w:t>
            </w:r>
            <w:r w:rsidR="00474E4B" w:rsidRPr="00474E4B">
              <w:t>ț</w:t>
            </w:r>
            <w:r w:rsidRPr="00474E4B">
              <w:t>ă oferă garan</w:t>
            </w:r>
            <w:r w:rsidR="00474E4B" w:rsidRPr="00474E4B">
              <w:t>ț</w:t>
            </w:r>
            <w:r w:rsidRPr="00474E4B">
              <w:t xml:space="preserve">ia că datele referitoare la monitorizarea implementării </w:t>
            </w:r>
            <w:r w:rsidR="00474E4B" w:rsidRPr="00474E4B">
              <w:t>ș</w:t>
            </w:r>
            <w:r w:rsidRPr="00474E4B">
              <w:t xml:space="preserve">i la rezultate sunt adecvate pentru efectuarea unei analize aprofundate a progreselor realizate </w:t>
            </w:r>
            <w:r w:rsidR="00474E4B" w:rsidRPr="00474E4B">
              <w:t>ș</w:t>
            </w:r>
            <w:r w:rsidRPr="00474E4B">
              <w:t>i a dificultă</w:t>
            </w:r>
            <w:r w:rsidR="00474E4B" w:rsidRPr="00474E4B">
              <w:t>ț</w:t>
            </w:r>
            <w:r w:rsidRPr="00474E4B">
              <w:t xml:space="preserve">ilor întâmpinate </w:t>
            </w:r>
            <w:r w:rsidR="00474E4B" w:rsidRPr="00474E4B">
              <w:t>ș</w:t>
            </w:r>
            <w:r w:rsidRPr="00474E4B">
              <w:t xml:space="preserve">i că acestea sunt colectate în mod eficient, cu eficacitate </w:t>
            </w:r>
            <w:r w:rsidR="00474E4B" w:rsidRPr="00474E4B">
              <w:t>ș</w:t>
            </w:r>
            <w:r w:rsidRPr="00474E4B">
              <w:t xml:space="preserve">i la timp. În acest scop, partenerilor de implementare </w:t>
            </w:r>
            <w:r w:rsidR="00474E4B" w:rsidRPr="00474E4B">
              <w:t>ș</w:t>
            </w:r>
            <w:r w:rsidRPr="00474E4B">
              <w:t>i altor beneficiari de fonduri ale Uniunii li se vor impune cerin</w:t>
            </w:r>
            <w:r w:rsidR="00474E4B" w:rsidRPr="00474E4B">
              <w:t>ț</w:t>
            </w:r>
            <w:r w:rsidRPr="00474E4B">
              <w:t>e de raportare propor</w:t>
            </w:r>
            <w:r w:rsidR="00474E4B" w:rsidRPr="00474E4B">
              <w:t>ț</w:t>
            </w:r>
            <w:r w:rsidRPr="00474E4B">
              <w:t xml:space="preserve">ionale, după caz. </w:t>
            </w:r>
            <w:r w:rsidRPr="00474E4B">
              <w:rPr>
                <w:b/>
                <w:i/>
              </w:rPr>
              <w:t>Sistemul de raportare trebuie să ofere un inventar clar al componentelor de politică detaliate în domeniile eligibile pentru finan</w:t>
            </w:r>
            <w:r w:rsidR="00474E4B" w:rsidRPr="00474E4B">
              <w:rPr>
                <w:b/>
                <w:i/>
              </w:rPr>
              <w:t>ț</w:t>
            </w:r>
            <w:r w:rsidRPr="00474E4B">
              <w:rPr>
                <w:b/>
                <w:i/>
              </w:rPr>
              <w:t xml:space="preserve">are </w:t>
            </w:r>
            <w:r w:rsidR="00474E4B" w:rsidRPr="00474E4B">
              <w:rPr>
                <w:b/>
                <w:i/>
              </w:rPr>
              <w:t>ș</w:t>
            </w:r>
            <w:r w:rsidRPr="00474E4B">
              <w:rPr>
                <w:b/>
                <w:i/>
              </w:rPr>
              <w:t>i opera</w:t>
            </w:r>
            <w:r w:rsidR="00474E4B" w:rsidRPr="00474E4B">
              <w:rPr>
                <w:b/>
                <w:i/>
              </w:rPr>
              <w:t>ț</w:t>
            </w:r>
            <w:r w:rsidRPr="00474E4B">
              <w:rPr>
                <w:b/>
                <w:i/>
              </w:rPr>
              <w:t>iuni de investi</w:t>
            </w:r>
            <w:r w:rsidR="00474E4B" w:rsidRPr="00474E4B">
              <w:rPr>
                <w:b/>
                <w:i/>
              </w:rPr>
              <w:t>ț</w:t>
            </w:r>
            <w:r w:rsidRPr="00474E4B">
              <w:rPr>
                <w:b/>
                <w:i/>
              </w:rPr>
              <w:t>ii, astfel cum se prevede în anexa II.</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65</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rticolul 23 – alineatul 1</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1.</w:t>
            </w:r>
            <w:r w:rsidRPr="00474E4B">
              <w:tab/>
              <w:t xml:space="preserve">Evaluările se efectuează în timp util </w:t>
            </w:r>
            <w:r w:rsidRPr="00474E4B">
              <w:lastRenderedPageBreak/>
              <w:t>pentru a putea contribui la procesul de luare a deciziilor.</w:t>
            </w:r>
          </w:p>
        </w:tc>
        <w:tc>
          <w:tcPr>
            <w:tcW w:w="4876" w:type="dxa"/>
            <w:hideMark/>
          </w:tcPr>
          <w:p w:rsidR="00CC45A9" w:rsidRPr="00474E4B" w:rsidRDefault="00CC45A9" w:rsidP="001D1851">
            <w:pPr>
              <w:pStyle w:val="Normal6"/>
              <w:rPr>
                <w:noProof/>
                <w:szCs w:val="24"/>
              </w:rPr>
            </w:pPr>
            <w:r w:rsidRPr="00474E4B">
              <w:lastRenderedPageBreak/>
              <w:t>1.</w:t>
            </w:r>
            <w:r w:rsidRPr="00474E4B">
              <w:tab/>
              <w:t xml:space="preserve">Evaluările se efectuează în timp util </w:t>
            </w:r>
            <w:r w:rsidRPr="00474E4B">
              <w:lastRenderedPageBreak/>
              <w:t xml:space="preserve">pentru a putea contribui la procesul de luare a deciziilor. </w:t>
            </w:r>
            <w:r w:rsidRPr="00474E4B">
              <w:rPr>
                <w:b/>
                <w:i/>
              </w:rPr>
              <w:t>Evaluările cuprind, de asemenea, o evaluare calitativă a progresului înregistrat în privin</w:t>
            </w:r>
            <w:r w:rsidR="00474E4B" w:rsidRPr="00474E4B">
              <w:rPr>
                <w:b/>
                <w:i/>
              </w:rPr>
              <w:t>ț</w:t>
            </w:r>
            <w:r w:rsidRPr="00474E4B">
              <w:rPr>
                <w:b/>
                <w:i/>
              </w:rPr>
              <w:t>a îndeplinirii obiectivelor stabilite la articolul 3.</w:t>
            </w:r>
          </w:p>
        </w:tc>
      </w:tr>
    </w:tbl>
    <w:p w:rsidR="00CC45A9" w:rsidRPr="00474E4B" w:rsidRDefault="00CC45A9" w:rsidP="00CC45A9">
      <w:pPr>
        <w:rPr>
          <w:noProof/>
        </w:rPr>
      </w:pPr>
      <w:r w:rsidRPr="00474E4B">
        <w:rPr>
          <w:rStyle w:val="HideTWBExt"/>
        </w:rPr>
        <w:lastRenderedPageBreak/>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66</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Articolul 24 – paragraful 1 a (nou)</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tcPr>
          <w:p w:rsidR="00CC45A9" w:rsidRPr="00474E4B" w:rsidRDefault="00CC45A9" w:rsidP="001D1851">
            <w:pPr>
              <w:pStyle w:val="Normal6"/>
              <w:rPr>
                <w:noProof/>
              </w:rPr>
            </w:pPr>
            <w:r w:rsidRPr="00474E4B">
              <w:rPr>
                <w:b/>
                <w:i/>
              </w:rPr>
              <w:t>Garan</w:t>
            </w:r>
            <w:r w:rsidR="00474E4B" w:rsidRPr="00474E4B">
              <w:rPr>
                <w:b/>
                <w:i/>
              </w:rPr>
              <w:t>ț</w:t>
            </w:r>
            <w:r w:rsidRPr="00474E4B">
              <w:rPr>
                <w:b/>
                <w:i/>
              </w:rPr>
              <w:t>ia UE, plă</w:t>
            </w:r>
            <w:r w:rsidR="00474E4B" w:rsidRPr="00474E4B">
              <w:rPr>
                <w:b/>
                <w:i/>
              </w:rPr>
              <w:t>ț</w:t>
            </w:r>
            <w:r w:rsidRPr="00474E4B">
              <w:rPr>
                <w:b/>
                <w:i/>
              </w:rPr>
              <w:t xml:space="preserve">ile </w:t>
            </w:r>
            <w:r w:rsidR="00474E4B" w:rsidRPr="00474E4B">
              <w:rPr>
                <w:b/>
                <w:i/>
              </w:rPr>
              <w:t>ș</w:t>
            </w:r>
            <w:r w:rsidRPr="00474E4B">
              <w:rPr>
                <w:b/>
                <w:i/>
              </w:rPr>
              <w:t xml:space="preserve">i recuperările efectuate în temeiul acesteia, precum </w:t>
            </w:r>
            <w:r w:rsidR="00474E4B" w:rsidRPr="00474E4B">
              <w:rPr>
                <w:b/>
                <w:i/>
              </w:rPr>
              <w:t>ș</w:t>
            </w:r>
            <w:r w:rsidRPr="00474E4B">
              <w:rPr>
                <w:b/>
                <w:i/>
              </w:rPr>
              <w:t>i opera</w:t>
            </w:r>
            <w:r w:rsidR="00474E4B" w:rsidRPr="00474E4B">
              <w:rPr>
                <w:b/>
                <w:i/>
              </w:rPr>
              <w:t>ț</w:t>
            </w:r>
            <w:r w:rsidRPr="00474E4B">
              <w:rPr>
                <w:b/>
                <w:i/>
              </w:rPr>
              <w:t>iunile din cadrul programului InvestEU sunt auditate de Curtea de Conturi.</w:t>
            </w:r>
            <w:r w:rsidRPr="00474E4B">
              <w:t xml:space="preserve"> </w:t>
            </w:r>
            <w:r w:rsidRPr="00474E4B">
              <w:rPr>
                <w:b/>
                <w:i/>
              </w:rPr>
              <w:t>Un raport special al Cur</w:t>
            </w:r>
            <w:r w:rsidR="00474E4B" w:rsidRPr="00474E4B">
              <w:rPr>
                <w:b/>
                <w:i/>
              </w:rPr>
              <w:t>ț</w:t>
            </w:r>
            <w:r w:rsidRPr="00474E4B">
              <w:rPr>
                <w:b/>
                <w:i/>
              </w:rPr>
              <w:t>ii de Conturi ar trebui să fie emis la 18 luni de la intrarea în vigoare a prezentului regulament.</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67</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nexa I – punctul 1 a (nou)</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rPr>
              <w:t>În conformitate cu articolul 4 din prezentul regulament, această distribu</w:t>
            </w:r>
            <w:r w:rsidR="00474E4B" w:rsidRPr="00474E4B">
              <w:rPr>
                <w:b/>
                <w:i/>
              </w:rPr>
              <w:t>ț</w:t>
            </w:r>
            <w:r w:rsidRPr="00474E4B">
              <w:rPr>
                <w:b/>
                <w:i/>
              </w:rPr>
              <w:t>ie va putea fi modificată în cursul exerci</w:t>
            </w:r>
            <w:r w:rsidR="00474E4B" w:rsidRPr="00474E4B">
              <w:rPr>
                <w:b/>
                <w:i/>
              </w:rPr>
              <w:t>ț</w:t>
            </w:r>
            <w:r w:rsidRPr="00474E4B">
              <w:rPr>
                <w:b/>
                <w:i/>
              </w:rPr>
              <w:t>iului financiar în func</w:t>
            </w:r>
            <w:r w:rsidR="00474E4B" w:rsidRPr="00474E4B">
              <w:rPr>
                <w:b/>
                <w:i/>
              </w:rPr>
              <w:t>ț</w:t>
            </w:r>
            <w:r w:rsidRPr="00474E4B">
              <w:rPr>
                <w:b/>
                <w:i/>
              </w:rPr>
              <w:t>ie de dinamica diferitelor obiective men</w:t>
            </w:r>
            <w:r w:rsidR="00474E4B" w:rsidRPr="00474E4B">
              <w:rPr>
                <w:b/>
                <w:i/>
              </w:rPr>
              <w:t>ț</w:t>
            </w:r>
            <w:r w:rsidRPr="00474E4B">
              <w:rPr>
                <w:b/>
                <w:i/>
              </w:rPr>
              <w:t>ionate la articolul 3 alineatul (2) din prezentul regulament.</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68</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Anexa II – paragraful 1 – punctul 1 – litera a</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a)</w:t>
            </w:r>
            <w:r w:rsidRPr="00474E4B">
              <w:tab/>
              <w:t xml:space="preserve">extinderea producerii, a furnizării sau a utilizării de energie din surse </w:t>
            </w:r>
            <w:r w:rsidRPr="00474E4B">
              <w:lastRenderedPageBreak/>
              <w:t xml:space="preserve">regenerabile curată </w:t>
            </w:r>
            <w:r w:rsidR="00474E4B" w:rsidRPr="00474E4B">
              <w:t>ș</w:t>
            </w:r>
            <w:r w:rsidRPr="00474E4B">
              <w:t>i sustenabilă;</w:t>
            </w:r>
          </w:p>
        </w:tc>
        <w:tc>
          <w:tcPr>
            <w:tcW w:w="4876" w:type="dxa"/>
          </w:tcPr>
          <w:p w:rsidR="00CC45A9" w:rsidRPr="00474E4B" w:rsidRDefault="00CC45A9" w:rsidP="001D1851">
            <w:pPr>
              <w:pStyle w:val="Normal6"/>
              <w:rPr>
                <w:noProof/>
              </w:rPr>
            </w:pPr>
            <w:r w:rsidRPr="00474E4B">
              <w:lastRenderedPageBreak/>
              <w:t>(a)</w:t>
            </w:r>
            <w:r w:rsidRPr="00474E4B">
              <w:tab/>
              <w:t>extinderea producerii</w:t>
            </w:r>
            <w:r w:rsidRPr="00474E4B">
              <w:rPr>
                <w:b/>
                <w:i/>
              </w:rPr>
              <w:t xml:space="preserve"> </w:t>
            </w:r>
            <w:r w:rsidR="00474E4B" w:rsidRPr="00474E4B">
              <w:rPr>
                <w:b/>
                <w:i/>
              </w:rPr>
              <w:t>ș</w:t>
            </w:r>
            <w:r w:rsidRPr="00474E4B">
              <w:rPr>
                <w:b/>
                <w:i/>
              </w:rPr>
              <w:t>i promovarea cu celeritate a instalării</w:t>
            </w:r>
            <w:r w:rsidRPr="00474E4B">
              <w:t xml:space="preserve">, a </w:t>
            </w:r>
            <w:r w:rsidRPr="00474E4B">
              <w:lastRenderedPageBreak/>
              <w:t xml:space="preserve">furnizării sau a utilizării de energie din surse regenerabile curată </w:t>
            </w:r>
            <w:r w:rsidR="00474E4B" w:rsidRPr="00474E4B">
              <w:t>ș</w:t>
            </w:r>
            <w:r w:rsidRPr="00474E4B">
              <w:t>i sustenabilă;</w:t>
            </w:r>
          </w:p>
        </w:tc>
      </w:tr>
    </w:tbl>
    <w:p w:rsidR="00CC45A9" w:rsidRPr="00474E4B" w:rsidRDefault="00CC45A9" w:rsidP="00CC45A9">
      <w:pPr>
        <w:rPr>
          <w:noProof/>
        </w:rPr>
      </w:pPr>
      <w:r w:rsidRPr="00474E4B">
        <w:rPr>
          <w:rStyle w:val="HideTWBExt"/>
        </w:rPr>
        <w:lastRenderedPageBreak/>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69</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Anexa II – paragraful 1 – punctul 1 – litera d</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d)</w:t>
            </w:r>
            <w:r w:rsidRPr="00474E4B">
              <w:tab/>
              <w:t xml:space="preserve">producerea </w:t>
            </w:r>
            <w:r w:rsidR="00474E4B" w:rsidRPr="00474E4B">
              <w:t>ș</w:t>
            </w:r>
            <w:r w:rsidRPr="00474E4B">
              <w:t>i furnizarea de combustibili sintetici provenind din surse regenerabile/neutre din punctul de vedere al emisiilor de dioxid de carbon; combustibili alternativi;</w:t>
            </w:r>
          </w:p>
        </w:tc>
        <w:tc>
          <w:tcPr>
            <w:tcW w:w="4876" w:type="dxa"/>
          </w:tcPr>
          <w:p w:rsidR="00CC45A9" w:rsidRPr="00474E4B" w:rsidRDefault="00CC45A9" w:rsidP="001D1851">
            <w:pPr>
              <w:pStyle w:val="Normal6"/>
              <w:rPr>
                <w:noProof/>
              </w:rPr>
            </w:pPr>
            <w:r w:rsidRPr="00474E4B">
              <w:t>(d)</w:t>
            </w:r>
            <w:r w:rsidRPr="00474E4B">
              <w:tab/>
              <w:t xml:space="preserve">producerea </w:t>
            </w:r>
            <w:r w:rsidR="00474E4B" w:rsidRPr="00474E4B">
              <w:t>ș</w:t>
            </w:r>
            <w:r w:rsidRPr="00474E4B">
              <w:t>i furnizarea de combustibili sintetici provenind din surse regenerabile/neutre din punctul de vedere al emisiilor de dioxid de carbon; combustibili alternativi</w:t>
            </w:r>
            <w:r w:rsidRPr="00474E4B">
              <w:rPr>
                <w:b/>
                <w:i/>
              </w:rPr>
              <w:t xml:space="preserve"> pentru toate modurile de transport</w:t>
            </w:r>
            <w:r w:rsidRPr="00474E4B">
              <w:t>;</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70</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nexa II – paragraful 1 – punctul 2 – teza introductivă</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2.</w:t>
            </w:r>
            <w:r w:rsidRPr="00474E4B">
              <w:tab/>
              <w:t xml:space="preserve">Dezvoltarea unor infrastructuri de transport durabile, precum </w:t>
            </w:r>
            <w:r w:rsidR="00474E4B" w:rsidRPr="00474E4B">
              <w:t>ș</w:t>
            </w:r>
            <w:r w:rsidRPr="00474E4B">
              <w:t xml:space="preserve">i a unor echipamente </w:t>
            </w:r>
            <w:r w:rsidR="00474E4B" w:rsidRPr="00474E4B">
              <w:t>ș</w:t>
            </w:r>
            <w:r w:rsidRPr="00474E4B">
              <w:t>i tehnologii inovatoare conforme cu priorită</w:t>
            </w:r>
            <w:r w:rsidR="00474E4B" w:rsidRPr="00474E4B">
              <w:t>ț</w:t>
            </w:r>
            <w:r w:rsidRPr="00474E4B">
              <w:t xml:space="preserve">ile Uniunii în materie de transport </w:t>
            </w:r>
            <w:r w:rsidR="00474E4B" w:rsidRPr="00474E4B">
              <w:t>ș</w:t>
            </w:r>
            <w:r w:rsidRPr="00474E4B">
              <w:t>i cu angajamentele asumate în cadrul Acordului de la Paris, în special prin:</w:t>
            </w:r>
          </w:p>
        </w:tc>
        <w:tc>
          <w:tcPr>
            <w:tcW w:w="4876" w:type="dxa"/>
            <w:hideMark/>
          </w:tcPr>
          <w:p w:rsidR="00CC45A9" w:rsidRPr="00474E4B" w:rsidRDefault="00CC45A9" w:rsidP="001D1851">
            <w:pPr>
              <w:pStyle w:val="Normal6"/>
              <w:rPr>
                <w:noProof/>
                <w:szCs w:val="24"/>
              </w:rPr>
            </w:pPr>
            <w:r w:rsidRPr="00474E4B">
              <w:t>2.</w:t>
            </w:r>
            <w:r w:rsidRPr="00474E4B">
              <w:tab/>
              <w:t>Dezvoltarea unor infrastructuri de transport durabile</w:t>
            </w:r>
            <w:r w:rsidRPr="00474E4B">
              <w:rPr>
                <w:b/>
                <w:i/>
              </w:rPr>
              <w:t xml:space="preserve"> </w:t>
            </w:r>
            <w:r w:rsidR="00474E4B" w:rsidRPr="00474E4B">
              <w:rPr>
                <w:b/>
                <w:i/>
              </w:rPr>
              <w:t>ș</w:t>
            </w:r>
            <w:r w:rsidRPr="00474E4B">
              <w:rPr>
                <w:b/>
                <w:i/>
              </w:rPr>
              <w:t xml:space="preserve">i sigure </w:t>
            </w:r>
            <w:r w:rsidR="00474E4B" w:rsidRPr="00474E4B">
              <w:rPr>
                <w:b/>
                <w:i/>
              </w:rPr>
              <w:t>ș</w:t>
            </w:r>
            <w:r w:rsidRPr="00474E4B">
              <w:rPr>
                <w:b/>
                <w:i/>
              </w:rPr>
              <w:t>i a unor solu</w:t>
            </w:r>
            <w:r w:rsidR="00474E4B" w:rsidRPr="00474E4B">
              <w:rPr>
                <w:b/>
                <w:i/>
              </w:rPr>
              <w:t>ț</w:t>
            </w:r>
            <w:r w:rsidRPr="00474E4B">
              <w:rPr>
                <w:b/>
                <w:i/>
              </w:rPr>
              <w:t>ii de mobilitate</w:t>
            </w:r>
            <w:r w:rsidRPr="00474E4B">
              <w:t xml:space="preserve">, precum </w:t>
            </w:r>
            <w:r w:rsidR="00474E4B" w:rsidRPr="00474E4B">
              <w:t>ș</w:t>
            </w:r>
            <w:r w:rsidRPr="00474E4B">
              <w:t xml:space="preserve">i a unor echipamente </w:t>
            </w:r>
            <w:r w:rsidR="00474E4B" w:rsidRPr="00474E4B">
              <w:t>ș</w:t>
            </w:r>
            <w:r w:rsidRPr="00474E4B">
              <w:t>i tehnologii inovatoare conforme cu priorită</w:t>
            </w:r>
            <w:r w:rsidR="00474E4B" w:rsidRPr="00474E4B">
              <w:t>ț</w:t>
            </w:r>
            <w:r w:rsidRPr="00474E4B">
              <w:t xml:space="preserve">ile Uniunii în materie de transport </w:t>
            </w:r>
            <w:r w:rsidR="00474E4B" w:rsidRPr="00474E4B">
              <w:t>ș</w:t>
            </w:r>
            <w:r w:rsidRPr="00474E4B">
              <w:t>i cu angajamentele asumate în cadrul Acordului de la Paris, în special prin:</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71</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nexa II – paragraful 1 – punctul 2 – litera a</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a)</w:t>
            </w:r>
            <w:r w:rsidRPr="00474E4B">
              <w:tab/>
              <w:t xml:space="preserve">proiecte de sprijinire a infrastructurii TEN-T, inclusiv a nodurilor sale urbane, a porturilor maritime </w:t>
            </w:r>
            <w:r w:rsidR="00474E4B" w:rsidRPr="00474E4B">
              <w:t>ș</w:t>
            </w:r>
            <w:r w:rsidRPr="00474E4B">
              <w:t xml:space="preserve">i interioare, a terminalelor multimodale </w:t>
            </w:r>
            <w:r w:rsidR="00474E4B" w:rsidRPr="00474E4B">
              <w:t>ș</w:t>
            </w:r>
            <w:r w:rsidRPr="00474E4B">
              <w:t>i a conexiunilor acestora cu re</w:t>
            </w:r>
            <w:r w:rsidR="00474E4B" w:rsidRPr="00474E4B">
              <w:t>ț</w:t>
            </w:r>
            <w:r w:rsidRPr="00474E4B">
              <w:t>elele principale;</w:t>
            </w:r>
          </w:p>
        </w:tc>
        <w:tc>
          <w:tcPr>
            <w:tcW w:w="4876" w:type="dxa"/>
            <w:hideMark/>
          </w:tcPr>
          <w:p w:rsidR="00CC45A9" w:rsidRPr="00474E4B" w:rsidRDefault="00CC45A9" w:rsidP="001D1851">
            <w:pPr>
              <w:pStyle w:val="Normal6"/>
              <w:rPr>
                <w:noProof/>
                <w:szCs w:val="24"/>
              </w:rPr>
            </w:pPr>
            <w:r w:rsidRPr="00474E4B">
              <w:t>(a)</w:t>
            </w:r>
            <w:r w:rsidRPr="00474E4B">
              <w:tab/>
              <w:t xml:space="preserve">proiecte de sprijinire a infrastructurii TEN-T, inclusiv a nodurilor sale urbane, a porturilor maritime </w:t>
            </w:r>
            <w:r w:rsidR="00474E4B" w:rsidRPr="00474E4B">
              <w:t>ș</w:t>
            </w:r>
            <w:r w:rsidRPr="00474E4B">
              <w:t xml:space="preserve">i interioare, a </w:t>
            </w:r>
            <w:r w:rsidRPr="00474E4B">
              <w:rPr>
                <w:b/>
                <w:i/>
              </w:rPr>
              <w:t xml:space="preserve">aeroporturilor, a </w:t>
            </w:r>
            <w:r w:rsidRPr="00474E4B">
              <w:t xml:space="preserve">terminalelor multimodale </w:t>
            </w:r>
            <w:r w:rsidR="00474E4B" w:rsidRPr="00474E4B">
              <w:t>ș</w:t>
            </w:r>
            <w:r w:rsidRPr="00474E4B">
              <w:t>i a conexiunilor acestora cu re</w:t>
            </w:r>
            <w:r w:rsidR="00474E4B" w:rsidRPr="00474E4B">
              <w:t>ț</w:t>
            </w:r>
            <w:r w:rsidRPr="00474E4B">
              <w:t>elele principale</w:t>
            </w:r>
            <w:r w:rsidRPr="00474E4B">
              <w:rPr>
                <w:b/>
                <w:i/>
              </w:rPr>
              <w:t xml:space="preserve"> </w:t>
            </w:r>
            <w:r w:rsidR="00474E4B" w:rsidRPr="00474E4B">
              <w:rPr>
                <w:b/>
                <w:i/>
              </w:rPr>
              <w:t>ș</w:t>
            </w:r>
            <w:r w:rsidRPr="00474E4B">
              <w:rPr>
                <w:b/>
                <w:i/>
              </w:rPr>
              <w:t>i aplica</w:t>
            </w:r>
            <w:r w:rsidR="00474E4B" w:rsidRPr="00474E4B">
              <w:rPr>
                <w:b/>
                <w:i/>
              </w:rPr>
              <w:t>ț</w:t>
            </w:r>
            <w:r w:rsidRPr="00474E4B">
              <w:rPr>
                <w:b/>
                <w:i/>
              </w:rPr>
              <w:t xml:space="preserve">iile telematice prevăzute în Regulamentul UE nr. </w:t>
            </w:r>
            <w:r w:rsidRPr="00474E4B">
              <w:rPr>
                <w:b/>
                <w:i/>
              </w:rPr>
              <w:lastRenderedPageBreak/>
              <w:t>1315/2013</w:t>
            </w:r>
            <w:r w:rsidRPr="00474E4B">
              <w:t>;</w:t>
            </w:r>
          </w:p>
        </w:tc>
      </w:tr>
    </w:tbl>
    <w:p w:rsidR="00CC45A9" w:rsidRPr="00474E4B" w:rsidRDefault="00CC45A9" w:rsidP="00CC45A9">
      <w:pPr>
        <w:rPr>
          <w:rStyle w:val="HideTWBExt"/>
          <w:color w:val="auto"/>
        </w:rPr>
      </w:pPr>
      <w:r w:rsidRPr="00474E4B">
        <w:rPr>
          <w:rStyle w:val="HideTWBExt"/>
        </w:rPr>
        <w:lastRenderedPageBreak/>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72</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nexa II – paragraful 1 – punctul 2 – litera aa (nouă)</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rPr>
              <w:t>(aa)</w:t>
            </w:r>
            <w:r w:rsidRPr="00474E4B">
              <w:rPr>
                <w:b/>
                <w:i/>
              </w:rPr>
              <w:tab/>
              <w:t>proiecte de infrastructură TEN-T care prevăd utilizarea a cel pu</w:t>
            </w:r>
            <w:r w:rsidR="00474E4B" w:rsidRPr="00474E4B">
              <w:rPr>
                <w:b/>
                <w:i/>
              </w:rPr>
              <w:t>ț</w:t>
            </w:r>
            <w:r w:rsidRPr="00474E4B">
              <w:rPr>
                <w:b/>
                <w:i/>
              </w:rPr>
              <w:t xml:space="preserve">in două moduri de transport diferite, în special terminale multimodale de marfă </w:t>
            </w:r>
            <w:r w:rsidR="00474E4B" w:rsidRPr="00474E4B">
              <w:rPr>
                <w:b/>
                <w:i/>
              </w:rPr>
              <w:t>ș</w:t>
            </w:r>
            <w:r w:rsidRPr="00474E4B">
              <w:rPr>
                <w:b/>
                <w:i/>
              </w:rPr>
              <w:t>i noduri de transport de călători;</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73</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nexa II – paragraful 1 – punctul 2 – litera b</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b)</w:t>
            </w:r>
            <w:r w:rsidRPr="00474E4B">
              <w:tab/>
              <w:t xml:space="preserve">proiecte vizând mobilitatea urbană inteligentă </w:t>
            </w:r>
            <w:r w:rsidR="00474E4B" w:rsidRPr="00474E4B">
              <w:t>ș</w:t>
            </w:r>
            <w:r w:rsidRPr="00474E4B">
              <w:t xml:space="preserve">i durabilă (având drept obiect modurile de transport urban cu emisii scăzute, accesibilitatea, poluarea aerului </w:t>
            </w:r>
            <w:r w:rsidR="00474E4B" w:rsidRPr="00474E4B">
              <w:t>ș</w:t>
            </w:r>
            <w:r w:rsidRPr="00474E4B">
              <w:t xml:space="preserve">i zgomotul, consumul de energie </w:t>
            </w:r>
            <w:r w:rsidR="00474E4B" w:rsidRPr="00474E4B">
              <w:t>ș</w:t>
            </w:r>
            <w:r w:rsidRPr="00474E4B">
              <w:t xml:space="preserve">i </w:t>
            </w:r>
            <w:r w:rsidRPr="00474E4B">
              <w:rPr>
                <w:b/>
                <w:i/>
              </w:rPr>
              <w:t>accidentele</w:t>
            </w:r>
            <w:r w:rsidRPr="00474E4B">
              <w:t>);</w:t>
            </w:r>
          </w:p>
        </w:tc>
        <w:tc>
          <w:tcPr>
            <w:tcW w:w="4876" w:type="dxa"/>
            <w:hideMark/>
          </w:tcPr>
          <w:p w:rsidR="00CC45A9" w:rsidRPr="00474E4B" w:rsidRDefault="00CC45A9" w:rsidP="001D1851">
            <w:pPr>
              <w:pStyle w:val="Normal6"/>
              <w:rPr>
                <w:noProof/>
                <w:szCs w:val="24"/>
              </w:rPr>
            </w:pPr>
            <w:r w:rsidRPr="00474E4B">
              <w:t>(b)</w:t>
            </w:r>
            <w:r w:rsidRPr="00474E4B">
              <w:tab/>
              <w:t xml:space="preserve">proiecte vizând mobilitatea urbană inteligentă </w:t>
            </w:r>
            <w:r w:rsidR="00474E4B" w:rsidRPr="00474E4B">
              <w:t>ș</w:t>
            </w:r>
            <w:r w:rsidRPr="00474E4B">
              <w:t>i durabilă</w:t>
            </w:r>
            <w:r w:rsidRPr="00474E4B">
              <w:rPr>
                <w:b/>
                <w:i/>
              </w:rPr>
              <w:t xml:space="preserve">, inclusiv transportul fluvial </w:t>
            </w:r>
            <w:r w:rsidR="00474E4B" w:rsidRPr="00474E4B">
              <w:rPr>
                <w:b/>
                <w:i/>
              </w:rPr>
              <w:t>ș</w:t>
            </w:r>
            <w:r w:rsidRPr="00474E4B">
              <w:rPr>
                <w:b/>
                <w:i/>
              </w:rPr>
              <w:t>i aerian</w:t>
            </w:r>
            <w:r w:rsidRPr="00474E4B">
              <w:t xml:space="preserve"> (având drept obiect modurile de transport urban cu emisii scăzute, accesibilitatea</w:t>
            </w:r>
            <w:r w:rsidRPr="00474E4B">
              <w:rPr>
                <w:b/>
                <w:i/>
              </w:rPr>
              <w:t xml:space="preserve"> nediscriminatorie</w:t>
            </w:r>
            <w:r w:rsidRPr="00474E4B">
              <w:t xml:space="preserve">, poluarea aerului </w:t>
            </w:r>
            <w:r w:rsidR="00474E4B" w:rsidRPr="00474E4B">
              <w:t>ș</w:t>
            </w:r>
            <w:r w:rsidRPr="00474E4B">
              <w:t xml:space="preserve">i zgomotul, consumul de energie </w:t>
            </w:r>
            <w:r w:rsidR="00474E4B" w:rsidRPr="00474E4B">
              <w:t>ș</w:t>
            </w:r>
            <w:r w:rsidRPr="00474E4B">
              <w:t xml:space="preserve">i </w:t>
            </w:r>
            <w:r w:rsidRPr="00474E4B">
              <w:rPr>
                <w:b/>
                <w:i/>
              </w:rPr>
              <w:t>sporirea siguran</w:t>
            </w:r>
            <w:r w:rsidR="00474E4B" w:rsidRPr="00474E4B">
              <w:rPr>
                <w:b/>
                <w:i/>
              </w:rPr>
              <w:t>ț</w:t>
            </w:r>
            <w:r w:rsidRPr="00474E4B">
              <w:rPr>
                <w:b/>
                <w:i/>
              </w:rPr>
              <w:t>ei, inclusiv pentru cicli</w:t>
            </w:r>
            <w:r w:rsidR="00474E4B" w:rsidRPr="00474E4B">
              <w:rPr>
                <w:b/>
                <w:i/>
              </w:rPr>
              <w:t>ș</w:t>
            </w:r>
            <w:r w:rsidRPr="00474E4B">
              <w:rPr>
                <w:b/>
                <w:i/>
              </w:rPr>
              <w:t xml:space="preserve">ti </w:t>
            </w:r>
            <w:r w:rsidR="00474E4B" w:rsidRPr="00474E4B">
              <w:rPr>
                <w:b/>
                <w:i/>
              </w:rPr>
              <w:t>ș</w:t>
            </w:r>
            <w:r w:rsidRPr="00474E4B">
              <w:rPr>
                <w:b/>
                <w:i/>
              </w:rPr>
              <w:t>i pietoni</w:t>
            </w:r>
            <w:r w:rsidRPr="00474E4B">
              <w:t>);</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74</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nexa II – paragraful 1 – punctul 2 – litera c</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c)</w:t>
            </w:r>
            <w:r w:rsidRPr="00474E4B">
              <w:tab/>
              <w:t xml:space="preserve">sprijinirea reînnoirii </w:t>
            </w:r>
            <w:r w:rsidR="00474E4B" w:rsidRPr="00474E4B">
              <w:t>ș</w:t>
            </w:r>
            <w:r w:rsidRPr="00474E4B">
              <w:t>i modernizării activelor mobile din domeniul transporturilor, în vederea implementării unor solu</w:t>
            </w:r>
            <w:r w:rsidR="00474E4B" w:rsidRPr="00474E4B">
              <w:t>ț</w:t>
            </w:r>
            <w:r w:rsidRPr="00474E4B">
              <w:t>ii de mobilitate cu emisii scăzute;</w:t>
            </w:r>
          </w:p>
        </w:tc>
        <w:tc>
          <w:tcPr>
            <w:tcW w:w="4876" w:type="dxa"/>
            <w:hideMark/>
          </w:tcPr>
          <w:p w:rsidR="00CC45A9" w:rsidRPr="00474E4B" w:rsidRDefault="00CC45A9" w:rsidP="001D1851">
            <w:pPr>
              <w:pStyle w:val="Normal6"/>
              <w:rPr>
                <w:noProof/>
                <w:szCs w:val="24"/>
              </w:rPr>
            </w:pPr>
            <w:r w:rsidRPr="00474E4B">
              <w:t>(c)</w:t>
            </w:r>
            <w:r w:rsidRPr="00474E4B">
              <w:tab/>
              <w:t xml:space="preserve">sprijinirea reînnoirii </w:t>
            </w:r>
            <w:r w:rsidR="00474E4B" w:rsidRPr="00474E4B">
              <w:t>ș</w:t>
            </w:r>
            <w:r w:rsidRPr="00474E4B">
              <w:t>i modernizării activelor mobile din domeniul transporturilor, în vederea implementării unor solu</w:t>
            </w:r>
            <w:r w:rsidR="00474E4B" w:rsidRPr="00474E4B">
              <w:t>ț</w:t>
            </w:r>
            <w:r w:rsidRPr="00474E4B">
              <w:t>ii de mobilitate cu emisii scăzute</w:t>
            </w:r>
            <w:r w:rsidRPr="00474E4B">
              <w:rPr>
                <w:b/>
                <w:i/>
              </w:rPr>
              <w:t xml:space="preserve">, inclusiv utilizarea combustibililor alternativi </w:t>
            </w:r>
            <w:r w:rsidR="00474E4B" w:rsidRPr="00474E4B">
              <w:rPr>
                <w:b/>
                <w:i/>
              </w:rPr>
              <w:t>ș</w:t>
            </w:r>
            <w:r w:rsidRPr="00474E4B">
              <w:rPr>
                <w:b/>
                <w:i/>
              </w:rPr>
              <w:t>i a combustibililor sintetici din surse regenerabile/neutre din punctul de vedere al emisiilor de dioxid de carbon pentru vehiculele destinate tuturor modurilor de transport</w:t>
            </w:r>
            <w:r w:rsidRPr="00474E4B">
              <w:t>;</w:t>
            </w:r>
          </w:p>
        </w:tc>
      </w:tr>
    </w:tbl>
    <w:p w:rsidR="00CC45A9" w:rsidRPr="00474E4B" w:rsidRDefault="00CC45A9" w:rsidP="00CC45A9">
      <w:pPr>
        <w:rPr>
          <w:rStyle w:val="HideTWBExt"/>
          <w:color w:val="auto"/>
        </w:rPr>
      </w:pPr>
      <w:r w:rsidRPr="00474E4B">
        <w:rPr>
          <w:rStyle w:val="HideTWBExt"/>
        </w:rPr>
        <w:lastRenderedPageBreak/>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75</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nexa II – paragraful 1 – punctul 2 – litera d</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d)</w:t>
            </w:r>
            <w:r w:rsidRPr="00474E4B">
              <w:tab/>
              <w:t xml:space="preserve">infrastructura feroviară, alte proiecte feroviare, precum </w:t>
            </w:r>
            <w:r w:rsidR="00474E4B" w:rsidRPr="00474E4B">
              <w:t>ș</w:t>
            </w:r>
            <w:r w:rsidRPr="00474E4B">
              <w:t>i porturile maritime;</w:t>
            </w:r>
          </w:p>
        </w:tc>
        <w:tc>
          <w:tcPr>
            <w:tcW w:w="4876" w:type="dxa"/>
            <w:hideMark/>
          </w:tcPr>
          <w:p w:rsidR="00CC45A9" w:rsidRPr="00474E4B" w:rsidRDefault="00CC45A9" w:rsidP="001D1851">
            <w:pPr>
              <w:pStyle w:val="Normal6"/>
              <w:rPr>
                <w:noProof/>
                <w:szCs w:val="24"/>
              </w:rPr>
            </w:pPr>
            <w:r w:rsidRPr="00474E4B">
              <w:t>(d)</w:t>
            </w:r>
            <w:r w:rsidRPr="00474E4B">
              <w:tab/>
              <w:t xml:space="preserve">infrastructura feroviară, alte proiecte feroviare, </w:t>
            </w:r>
            <w:r w:rsidRPr="00474E4B">
              <w:rPr>
                <w:b/>
                <w:i/>
              </w:rPr>
              <w:t xml:space="preserve">infrastructura pe căi navigabile interioare, </w:t>
            </w:r>
            <w:r w:rsidRPr="00474E4B">
              <w:t xml:space="preserve">precum </w:t>
            </w:r>
            <w:r w:rsidR="00474E4B" w:rsidRPr="00474E4B">
              <w:t>ș</w:t>
            </w:r>
            <w:r w:rsidRPr="00474E4B">
              <w:t>i porturile</w:t>
            </w:r>
            <w:r w:rsidRPr="00474E4B">
              <w:rPr>
                <w:b/>
                <w:i/>
              </w:rPr>
              <w:t xml:space="preserve"> maritime </w:t>
            </w:r>
            <w:r w:rsidR="00474E4B" w:rsidRPr="00474E4B">
              <w:rPr>
                <w:b/>
                <w:i/>
              </w:rPr>
              <w:t>ș</w:t>
            </w:r>
            <w:r w:rsidRPr="00474E4B">
              <w:rPr>
                <w:b/>
                <w:i/>
              </w:rPr>
              <w:t>i autostrăzile</w:t>
            </w:r>
            <w:r w:rsidRPr="00474E4B">
              <w:t xml:space="preserve"> maritime;</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76</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nexa II – paragraful 1 – punctul 2 – litera e</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e)</w:t>
            </w:r>
            <w:r w:rsidRPr="00474E4B">
              <w:tab/>
              <w:t>infrastructura pentru combustibili alternativi, inclusiv infrastructura pentru încărcare cu energie electrică.</w:t>
            </w:r>
          </w:p>
        </w:tc>
        <w:tc>
          <w:tcPr>
            <w:tcW w:w="4876" w:type="dxa"/>
            <w:hideMark/>
          </w:tcPr>
          <w:p w:rsidR="00CC45A9" w:rsidRPr="00474E4B" w:rsidRDefault="00CC45A9" w:rsidP="001D1851">
            <w:pPr>
              <w:pStyle w:val="Normal6"/>
              <w:rPr>
                <w:noProof/>
                <w:szCs w:val="24"/>
              </w:rPr>
            </w:pPr>
            <w:r w:rsidRPr="00474E4B">
              <w:t>(e)</w:t>
            </w:r>
            <w:r w:rsidRPr="00474E4B">
              <w:tab/>
              <w:t>infrastructura pentru combustibili alternativi</w:t>
            </w:r>
            <w:r w:rsidRPr="00474E4B">
              <w:rPr>
                <w:b/>
                <w:i/>
              </w:rPr>
              <w:t xml:space="preserve"> pentru toate modurile de transport</w:t>
            </w:r>
            <w:r w:rsidRPr="00474E4B">
              <w:t>, inclusiv infrastructura pentru încărcare cu energie electrică.</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77</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nexa II – paragraful 1 – punctul 2 – litera ea (nouă)</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rPr>
              <w:t>(ea)</w:t>
            </w:r>
            <w:r w:rsidRPr="00474E4B">
              <w:rPr>
                <w:b/>
                <w:i/>
              </w:rPr>
              <w:tab/>
              <w:t xml:space="preserve">proiecte de mobilitate urbană inteligentă </w:t>
            </w:r>
            <w:r w:rsidR="00474E4B" w:rsidRPr="00474E4B">
              <w:rPr>
                <w:b/>
                <w:i/>
              </w:rPr>
              <w:t>ș</w:t>
            </w:r>
            <w:r w:rsidRPr="00474E4B">
              <w:rPr>
                <w:b/>
                <w:i/>
              </w:rPr>
              <w:t>i durabilă, vizând:</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rPr>
              <w:t>- siguran</w:t>
            </w:r>
            <w:r w:rsidR="00474E4B" w:rsidRPr="00474E4B">
              <w:rPr>
                <w:b/>
                <w:i/>
              </w:rPr>
              <w:t>ț</w:t>
            </w:r>
            <w:r w:rsidRPr="00474E4B">
              <w:rPr>
                <w:b/>
                <w:i/>
              </w:rPr>
              <w:t>a rutieră (inclusiv îmbunătă</w:t>
            </w:r>
            <w:r w:rsidR="00474E4B" w:rsidRPr="00474E4B">
              <w:rPr>
                <w:b/>
                <w:i/>
              </w:rPr>
              <w:t>ț</w:t>
            </w:r>
            <w:r w:rsidRPr="00474E4B">
              <w:rPr>
                <w:b/>
                <w:i/>
              </w:rPr>
              <w:t>irea siguran</w:t>
            </w:r>
            <w:r w:rsidR="00474E4B" w:rsidRPr="00474E4B">
              <w:rPr>
                <w:b/>
                <w:i/>
              </w:rPr>
              <w:t>ț</w:t>
            </w:r>
            <w:r w:rsidRPr="00474E4B">
              <w:rPr>
                <w:b/>
                <w:i/>
              </w:rPr>
              <w:t xml:space="preserve">ei conducătorilor auto </w:t>
            </w:r>
            <w:r w:rsidR="00474E4B" w:rsidRPr="00474E4B">
              <w:rPr>
                <w:b/>
                <w:i/>
              </w:rPr>
              <w:t>ș</w:t>
            </w:r>
            <w:r w:rsidRPr="00474E4B">
              <w:rPr>
                <w:b/>
                <w:i/>
              </w:rPr>
              <w:t xml:space="preserve">i a pasagerilor </w:t>
            </w:r>
            <w:r w:rsidR="00474E4B" w:rsidRPr="00474E4B">
              <w:rPr>
                <w:b/>
                <w:i/>
              </w:rPr>
              <w:t>ș</w:t>
            </w:r>
            <w:r w:rsidRPr="00474E4B">
              <w:rPr>
                <w:b/>
                <w:i/>
              </w:rPr>
              <w:t xml:space="preserve">i reducerea numărului de accidente mortale </w:t>
            </w:r>
            <w:r w:rsidR="00474E4B" w:rsidRPr="00474E4B">
              <w:rPr>
                <w:b/>
                <w:i/>
              </w:rPr>
              <w:t>ș</w:t>
            </w:r>
            <w:r w:rsidRPr="00474E4B">
              <w:rPr>
                <w:b/>
                <w:i/>
              </w:rPr>
              <w:t>i de vătămări grave),</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rPr>
              <w:t>- accesibilitatea (inclusiv în zonele rurale),</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rPr>
              <w:t>- reducerea emisiilor,</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rPr>
              <w:t xml:space="preserve">- dezvoltarea </w:t>
            </w:r>
            <w:r w:rsidR="00474E4B" w:rsidRPr="00474E4B">
              <w:rPr>
                <w:b/>
                <w:i/>
              </w:rPr>
              <w:t>ș</w:t>
            </w:r>
            <w:r w:rsidRPr="00474E4B">
              <w:rPr>
                <w:b/>
                <w:i/>
              </w:rPr>
              <w:t xml:space="preserve">i implementarea unor noi tehnologii </w:t>
            </w:r>
            <w:r w:rsidR="00474E4B" w:rsidRPr="00474E4B">
              <w:rPr>
                <w:b/>
                <w:i/>
              </w:rPr>
              <w:t>ș</w:t>
            </w:r>
            <w:r w:rsidRPr="00474E4B">
              <w:rPr>
                <w:b/>
                <w:i/>
              </w:rPr>
              <w:t xml:space="preserve">i servicii de transport, în special de către IMM-uri </w:t>
            </w:r>
            <w:r w:rsidR="00474E4B" w:rsidRPr="00474E4B">
              <w:rPr>
                <w:b/>
                <w:i/>
              </w:rPr>
              <w:t>ș</w:t>
            </w:r>
            <w:r w:rsidRPr="00474E4B">
              <w:rPr>
                <w:b/>
                <w:i/>
              </w:rPr>
              <w:t xml:space="preserve">i în raport cu modurile de transport conectate </w:t>
            </w:r>
            <w:r w:rsidR="00474E4B" w:rsidRPr="00474E4B">
              <w:rPr>
                <w:b/>
                <w:i/>
              </w:rPr>
              <w:t>ș</w:t>
            </w:r>
            <w:r w:rsidRPr="00474E4B">
              <w:rPr>
                <w:b/>
                <w:i/>
              </w:rPr>
              <w:t xml:space="preserve">i autonome, precum </w:t>
            </w:r>
            <w:r w:rsidR="00474E4B" w:rsidRPr="00474E4B">
              <w:rPr>
                <w:b/>
                <w:i/>
              </w:rPr>
              <w:t>ș</w:t>
            </w:r>
            <w:r w:rsidRPr="00474E4B">
              <w:rPr>
                <w:b/>
                <w:i/>
              </w:rPr>
              <w:t>i sistemele integrate de emitere a biletelor</w:t>
            </w:r>
          </w:p>
        </w:tc>
      </w:tr>
    </w:tbl>
    <w:p w:rsidR="00CC45A9" w:rsidRPr="00474E4B" w:rsidRDefault="00CC45A9" w:rsidP="00CC45A9">
      <w:pPr>
        <w:rPr>
          <w:rStyle w:val="HideTWBExt"/>
          <w:color w:val="auto"/>
        </w:rPr>
      </w:pPr>
      <w:r w:rsidRPr="00474E4B">
        <w:rPr>
          <w:rStyle w:val="HideTWBExt"/>
        </w:rPr>
        <w:lastRenderedPageBreak/>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78</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nexa II – paragraful 1 – punctul 2 – litera eb (nouă)</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rPr>
              <w:t>(eb)</w:t>
            </w:r>
            <w:r w:rsidRPr="00474E4B">
              <w:rPr>
                <w:b/>
                <w:i/>
              </w:rPr>
              <w:tab/>
              <w:t>proiecte de men</w:t>
            </w:r>
            <w:r w:rsidR="00474E4B" w:rsidRPr="00474E4B">
              <w:rPr>
                <w:b/>
                <w:i/>
              </w:rPr>
              <w:t>ț</w:t>
            </w:r>
            <w:r w:rsidRPr="00474E4B">
              <w:rPr>
                <w:b/>
                <w:i/>
              </w:rPr>
              <w:t>inere sau de modernizare a infrastructurii de transport existente, inclusiv a autostrăzilor TEN-T, în cazul în care este necesară modernizarea acestora, de men</w:t>
            </w:r>
            <w:r w:rsidR="00474E4B" w:rsidRPr="00474E4B">
              <w:rPr>
                <w:b/>
                <w:i/>
              </w:rPr>
              <w:t>ț</w:t>
            </w:r>
            <w:r w:rsidRPr="00474E4B">
              <w:rPr>
                <w:b/>
                <w:i/>
              </w:rPr>
              <w:t>inere sau de îmbunătă</w:t>
            </w:r>
            <w:r w:rsidR="00474E4B" w:rsidRPr="00474E4B">
              <w:rPr>
                <w:b/>
                <w:i/>
              </w:rPr>
              <w:t>ț</w:t>
            </w:r>
            <w:r w:rsidRPr="00474E4B">
              <w:rPr>
                <w:b/>
                <w:i/>
              </w:rPr>
              <w:t>ire a siguran</w:t>
            </w:r>
            <w:r w:rsidR="00474E4B" w:rsidRPr="00474E4B">
              <w:rPr>
                <w:b/>
                <w:i/>
              </w:rPr>
              <w:t>ț</w:t>
            </w:r>
            <w:r w:rsidRPr="00474E4B">
              <w:rPr>
                <w:b/>
                <w:i/>
              </w:rPr>
              <w:t>ei rutiere, de dezvoltare a serviciilor STI sau de garantare a integrită</w:t>
            </w:r>
            <w:r w:rsidR="00474E4B" w:rsidRPr="00474E4B">
              <w:rPr>
                <w:b/>
                <w:i/>
              </w:rPr>
              <w:t>ț</w:t>
            </w:r>
            <w:r w:rsidRPr="00474E4B">
              <w:rPr>
                <w:b/>
                <w:i/>
              </w:rPr>
              <w:t xml:space="preserve">ii </w:t>
            </w:r>
            <w:r w:rsidR="00474E4B" w:rsidRPr="00474E4B">
              <w:rPr>
                <w:b/>
                <w:i/>
              </w:rPr>
              <w:t>ș</w:t>
            </w:r>
            <w:r w:rsidRPr="00474E4B">
              <w:rPr>
                <w:b/>
                <w:i/>
              </w:rPr>
              <w:t xml:space="preserve">i standardelor infrastructurii, în special zone </w:t>
            </w:r>
            <w:r w:rsidR="00474E4B" w:rsidRPr="00474E4B">
              <w:rPr>
                <w:b/>
                <w:i/>
              </w:rPr>
              <w:t>ș</w:t>
            </w:r>
            <w:r w:rsidRPr="00474E4B">
              <w:rPr>
                <w:b/>
                <w:i/>
              </w:rPr>
              <w:t>i facilită</w:t>
            </w:r>
            <w:r w:rsidR="00474E4B" w:rsidRPr="00474E4B">
              <w:rPr>
                <w:b/>
                <w:i/>
              </w:rPr>
              <w:t>ț</w:t>
            </w:r>
            <w:r w:rsidRPr="00474E4B">
              <w:rPr>
                <w:b/>
                <w:i/>
              </w:rPr>
              <w:t>i de parcare sigure, sta</w:t>
            </w:r>
            <w:r w:rsidR="00474E4B" w:rsidRPr="00474E4B">
              <w:rPr>
                <w:b/>
                <w:i/>
              </w:rPr>
              <w:t>ț</w:t>
            </w:r>
            <w:r w:rsidRPr="00474E4B">
              <w:rPr>
                <w:b/>
                <w:i/>
              </w:rPr>
              <w:t xml:space="preserve">ii de combustibili alternativi </w:t>
            </w:r>
            <w:r w:rsidR="00474E4B" w:rsidRPr="00474E4B">
              <w:rPr>
                <w:b/>
                <w:i/>
              </w:rPr>
              <w:t>ș</w:t>
            </w:r>
            <w:r w:rsidRPr="00474E4B">
              <w:rPr>
                <w:b/>
                <w:i/>
              </w:rPr>
              <w:t>i sisteme de încărcare cu energie electrică;</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79</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nexa II – paragraful 1 – punctul 2 – litera ec (nouă)</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rPr>
              <w:t>(ec)</w:t>
            </w:r>
            <w:r w:rsidRPr="00474E4B">
              <w:rPr>
                <w:b/>
                <w:i/>
              </w:rPr>
              <w:tab/>
              <w:t xml:space="preserve">infrastructura rutieră pentru transporturile din </w:t>
            </w:r>
            <w:r w:rsidR="00474E4B" w:rsidRPr="00474E4B">
              <w:rPr>
                <w:b/>
                <w:i/>
              </w:rPr>
              <w:t>ț</w:t>
            </w:r>
            <w:r w:rsidRPr="00474E4B">
              <w:rPr>
                <w:b/>
                <w:i/>
              </w:rPr>
              <w:t>ările care beneficiază de Fondul de coeziune, regiunile mai pu</w:t>
            </w:r>
            <w:r w:rsidR="00474E4B" w:rsidRPr="00474E4B">
              <w:rPr>
                <w:b/>
                <w:i/>
              </w:rPr>
              <w:t>ț</w:t>
            </w:r>
            <w:r w:rsidRPr="00474E4B">
              <w:rPr>
                <w:b/>
                <w:i/>
              </w:rPr>
              <w:t>in dezvoltate sau interesate de proiectele transfrontaliere în materie de transport;</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80</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Anexa II – paragraful 1 – punctul 6 – litera aa (nouă)</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tcPr>
          <w:p w:rsidR="00CC45A9" w:rsidRPr="00474E4B" w:rsidRDefault="00CC45A9" w:rsidP="001D1851">
            <w:pPr>
              <w:pStyle w:val="Normal6"/>
              <w:rPr>
                <w:noProof/>
              </w:rPr>
            </w:pPr>
            <w:r w:rsidRPr="00474E4B">
              <w:rPr>
                <w:b/>
                <w:i/>
              </w:rPr>
              <w:t>(aa)</w:t>
            </w:r>
            <w:r w:rsidRPr="00474E4B">
              <w:tab/>
            </w:r>
            <w:r w:rsidRPr="00474E4B">
              <w:rPr>
                <w:b/>
                <w:i/>
              </w:rPr>
              <w:t>protec</w:t>
            </w:r>
            <w:r w:rsidR="00474E4B" w:rsidRPr="00474E4B">
              <w:rPr>
                <w:b/>
                <w:i/>
              </w:rPr>
              <w:t>ț</w:t>
            </w:r>
            <w:r w:rsidRPr="00474E4B">
              <w:rPr>
                <w:b/>
                <w:i/>
              </w:rPr>
              <w:t>ia vie</w:t>
            </w:r>
            <w:r w:rsidR="00474E4B" w:rsidRPr="00474E4B">
              <w:rPr>
                <w:b/>
                <w:i/>
              </w:rPr>
              <w:t>ț</w:t>
            </w:r>
            <w:r w:rsidRPr="00474E4B">
              <w:rPr>
                <w:b/>
                <w:i/>
              </w:rPr>
              <w:t xml:space="preserve">ii private </w:t>
            </w:r>
            <w:r w:rsidR="00474E4B" w:rsidRPr="00474E4B">
              <w:rPr>
                <w:b/>
                <w:i/>
              </w:rPr>
              <w:t>ș</w:t>
            </w:r>
            <w:r w:rsidRPr="00474E4B">
              <w:rPr>
                <w:b/>
                <w:i/>
              </w:rPr>
              <w:t>i a datelor cu caracter personal</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lastRenderedPageBreak/>
        <w:t>&lt;Amend&gt;</w:t>
      </w:r>
      <w:r w:rsidRPr="00474E4B">
        <w:t>Amendamentul</w:t>
      </w:r>
      <w:r w:rsidRPr="00474E4B">
        <w:tab/>
      </w:r>
      <w:r w:rsidRPr="00474E4B">
        <w:tab/>
      </w:r>
      <w:r w:rsidRPr="00474E4B">
        <w:rPr>
          <w:rStyle w:val="HideTWBExt"/>
          <w:b w:val="0"/>
        </w:rPr>
        <w:t>&lt;NumAm&gt;</w:t>
      </w:r>
      <w:r w:rsidRPr="00474E4B">
        <w:t>81</w:t>
      </w:r>
      <w:r w:rsidRPr="00474E4B">
        <w:rPr>
          <w:rStyle w:val="HideTWBExt"/>
          <w:b w:val="0"/>
        </w:rPr>
        <w:t>&lt;/NumAm&gt;</w:t>
      </w:r>
    </w:p>
    <w:p w:rsidR="00CC45A9" w:rsidRPr="00474E4B" w:rsidRDefault="00CC45A9" w:rsidP="00CC45A9">
      <w:pPr>
        <w:pStyle w:val="NormalBold12b"/>
        <w:keepNext/>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nexa II – paragraful 1 – punctul 6 – litera f</w:t>
      </w:r>
      <w:r w:rsidRPr="00474E4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tcPr>
          <w:p w:rsidR="00CC45A9" w:rsidRPr="00474E4B" w:rsidRDefault="00CC45A9" w:rsidP="001D1851">
            <w:pPr>
              <w:pStyle w:val="ColumnHeading"/>
              <w:keepNext/>
              <w:rPr>
                <w:noProof/>
              </w:rPr>
            </w:pPr>
            <w:r w:rsidRPr="00474E4B">
              <w:t>Textul propus de Comisie</w:t>
            </w:r>
          </w:p>
        </w:tc>
        <w:tc>
          <w:tcPr>
            <w:tcW w:w="4876" w:type="dxa"/>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f)</w:t>
            </w:r>
            <w:r w:rsidRPr="00474E4B">
              <w:tab/>
              <w:t xml:space="preserve">alte tehnologii </w:t>
            </w:r>
            <w:r w:rsidR="00474E4B" w:rsidRPr="00474E4B">
              <w:t>ș</w:t>
            </w:r>
            <w:r w:rsidRPr="00474E4B">
              <w:t>i servicii digitale avansate care contribuie la digitalizarea industriei din Uniune.</w:t>
            </w:r>
          </w:p>
        </w:tc>
        <w:tc>
          <w:tcPr>
            <w:tcW w:w="4876" w:type="dxa"/>
          </w:tcPr>
          <w:p w:rsidR="00CC45A9" w:rsidRPr="00474E4B" w:rsidRDefault="00CC45A9" w:rsidP="001D1851">
            <w:pPr>
              <w:pStyle w:val="Normal6"/>
              <w:rPr>
                <w:noProof/>
                <w:szCs w:val="24"/>
              </w:rPr>
            </w:pPr>
            <w:r w:rsidRPr="00474E4B">
              <w:t>(f)</w:t>
            </w:r>
            <w:r w:rsidRPr="00474E4B">
              <w:tab/>
              <w:t xml:space="preserve">alte tehnologii </w:t>
            </w:r>
            <w:r w:rsidR="00474E4B" w:rsidRPr="00474E4B">
              <w:t>ș</w:t>
            </w:r>
            <w:r w:rsidRPr="00474E4B">
              <w:t>i servicii digitale avansate care contribuie la digitalizarea industriei din Uniune</w:t>
            </w:r>
            <w:r w:rsidRPr="00474E4B">
              <w:rPr>
                <w:b/>
                <w:i/>
              </w:rPr>
              <w:t xml:space="preserve"> </w:t>
            </w:r>
            <w:r w:rsidR="00474E4B" w:rsidRPr="00474E4B">
              <w:rPr>
                <w:b/>
                <w:i/>
              </w:rPr>
              <w:t>ș</w:t>
            </w:r>
            <w:r w:rsidRPr="00474E4B">
              <w:rPr>
                <w:b/>
                <w:i/>
              </w:rPr>
              <w:t xml:space="preserve">i la integrarea tehnologiilor, serviciilor </w:t>
            </w:r>
            <w:r w:rsidR="00474E4B" w:rsidRPr="00474E4B">
              <w:rPr>
                <w:b/>
                <w:i/>
              </w:rPr>
              <w:t>ș</w:t>
            </w:r>
            <w:r w:rsidRPr="00474E4B">
              <w:rPr>
                <w:b/>
                <w:i/>
              </w:rPr>
              <w:t>i competen</w:t>
            </w:r>
            <w:r w:rsidR="00474E4B" w:rsidRPr="00474E4B">
              <w:rPr>
                <w:b/>
                <w:i/>
              </w:rPr>
              <w:t>ț</w:t>
            </w:r>
            <w:r w:rsidRPr="00474E4B">
              <w:rPr>
                <w:b/>
                <w:i/>
              </w:rPr>
              <w:t>elor digitale în sectorul transporturilor din Uniune</w:t>
            </w:r>
            <w:r w:rsidRPr="00474E4B">
              <w:t>.</w:t>
            </w:r>
          </w:p>
        </w:tc>
      </w:tr>
    </w:tbl>
    <w:p w:rsidR="00CC45A9" w:rsidRPr="00474E4B" w:rsidRDefault="00CC45A9" w:rsidP="00CC45A9">
      <w:pPr>
        <w:pStyle w:val="JustificationTitle"/>
        <w:rPr>
          <w:noProof/>
        </w:rPr>
      </w:pPr>
      <w:r w:rsidRPr="00474E4B">
        <w:rPr>
          <w:rStyle w:val="HideTWBExt"/>
          <w:i w:val="0"/>
        </w:rPr>
        <w:t>&lt;TitreJust&gt;</w:t>
      </w:r>
      <w:r w:rsidRPr="00474E4B">
        <w:t>Justificare</w:t>
      </w:r>
      <w:r w:rsidRPr="00474E4B">
        <w:rPr>
          <w:rStyle w:val="HideTWBExt"/>
          <w:i w:val="0"/>
        </w:rPr>
        <w:t>&lt;/TitreJust&gt;</w:t>
      </w:r>
    </w:p>
    <w:p w:rsidR="00CC45A9" w:rsidRPr="00474E4B" w:rsidRDefault="00CC45A9" w:rsidP="00CC45A9">
      <w:pPr>
        <w:pStyle w:val="Normal12Italic"/>
        <w:rPr>
          <w:noProof/>
        </w:rPr>
      </w:pPr>
      <w:r w:rsidRPr="00474E4B">
        <w:t>Digitalizarea transformă rapid sistemul nostru de transport, de la vehicule la serviciile de mobilitate, la logistica multimodală, naviga</w:t>
      </w:r>
      <w:r w:rsidR="00474E4B" w:rsidRPr="00474E4B">
        <w:t>ț</w:t>
      </w:r>
      <w:r w:rsidRPr="00474E4B">
        <w:t xml:space="preserve">ie </w:t>
      </w:r>
      <w:r w:rsidR="00474E4B" w:rsidRPr="00474E4B">
        <w:t>ș</w:t>
      </w:r>
      <w:r w:rsidRPr="00474E4B">
        <w:t>i multe altele. InvestEU ar trebui să sprijine în mod special adoptarea tehnologiilor inovatoare în sectorul transporturilor, care reprezintă un sector economic esen</w:t>
      </w:r>
      <w:r w:rsidR="00474E4B" w:rsidRPr="00474E4B">
        <w:t>ț</w:t>
      </w:r>
      <w:r w:rsidRPr="00474E4B">
        <w:t>ial al UE.</w:t>
      </w:r>
    </w:p>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82</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Anexa II – paragraful 1 – punctul 9</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9.</w:t>
            </w:r>
            <w:r w:rsidRPr="00474E4B">
              <w:tab/>
            </w:r>
            <w:r w:rsidRPr="00474E4B">
              <w:rPr>
                <w:b/>
                <w:i/>
              </w:rPr>
              <w:t>Turismul</w:t>
            </w:r>
            <w:r w:rsidRPr="00474E4B">
              <w:t>.</w:t>
            </w:r>
          </w:p>
        </w:tc>
        <w:tc>
          <w:tcPr>
            <w:tcW w:w="4876" w:type="dxa"/>
          </w:tcPr>
          <w:p w:rsidR="00CC45A9" w:rsidRPr="00474E4B" w:rsidRDefault="00CC45A9" w:rsidP="001D1851">
            <w:pPr>
              <w:pStyle w:val="Normal6"/>
              <w:rPr>
                <w:noProof/>
              </w:rPr>
            </w:pPr>
            <w:r w:rsidRPr="00474E4B">
              <w:t>9.</w:t>
            </w:r>
            <w:r w:rsidRPr="00474E4B">
              <w:tab/>
            </w:r>
            <w:r w:rsidRPr="00474E4B">
              <w:rPr>
                <w:b/>
                <w:i/>
              </w:rPr>
              <w:t>Sectorul turismului</w:t>
            </w:r>
            <w:r w:rsidRPr="00474E4B">
              <w:t>.</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83</w:t>
      </w:r>
      <w:r w:rsidRPr="00474E4B">
        <w:rPr>
          <w:rStyle w:val="HideTWBExt"/>
          <w:b w:val="0"/>
        </w:rPr>
        <w:t>&lt;/NumAm&gt;</w:t>
      </w:r>
    </w:p>
    <w:p w:rsidR="00CC45A9" w:rsidRPr="00474E4B" w:rsidRDefault="00CC45A9" w:rsidP="00CC45A9">
      <w:pPr>
        <w:pStyle w:val="NormalBold12b"/>
        <w:keepNext/>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nexa II – paragraful 1 – punctul 11 – litera c</w:t>
      </w:r>
      <w:r w:rsidRPr="00474E4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tcPr>
          <w:p w:rsidR="00CC45A9" w:rsidRPr="00474E4B" w:rsidRDefault="00CC45A9" w:rsidP="001D1851">
            <w:pPr>
              <w:pStyle w:val="ColumnHeading"/>
              <w:keepNext/>
              <w:rPr>
                <w:noProof/>
              </w:rPr>
            </w:pPr>
            <w:r w:rsidRPr="00474E4B">
              <w:t>Textul propus de Comisie</w:t>
            </w:r>
          </w:p>
        </w:tc>
        <w:tc>
          <w:tcPr>
            <w:tcW w:w="4876" w:type="dxa"/>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r w:rsidRPr="00474E4B">
              <w:t>(c)</w:t>
            </w:r>
            <w:r w:rsidRPr="00474E4B">
              <w:tab/>
              <w:t>educa</w:t>
            </w:r>
            <w:r w:rsidR="00474E4B" w:rsidRPr="00474E4B">
              <w:t>ț</w:t>
            </w:r>
            <w:r w:rsidRPr="00474E4B">
              <w:t xml:space="preserve">ie, formare </w:t>
            </w:r>
            <w:r w:rsidR="00474E4B" w:rsidRPr="00474E4B">
              <w:t>ș</w:t>
            </w:r>
            <w:r w:rsidRPr="00474E4B">
              <w:t>i servicii conexe;</w:t>
            </w:r>
          </w:p>
        </w:tc>
        <w:tc>
          <w:tcPr>
            <w:tcW w:w="4876" w:type="dxa"/>
          </w:tcPr>
          <w:p w:rsidR="00CC45A9" w:rsidRPr="00474E4B" w:rsidRDefault="00CC45A9" w:rsidP="001D1851">
            <w:pPr>
              <w:pStyle w:val="Normal6"/>
              <w:rPr>
                <w:noProof/>
                <w:szCs w:val="24"/>
              </w:rPr>
            </w:pPr>
            <w:r w:rsidRPr="00474E4B">
              <w:t>(c)</w:t>
            </w:r>
            <w:r w:rsidRPr="00474E4B">
              <w:tab/>
              <w:t>educa</w:t>
            </w:r>
            <w:r w:rsidR="00474E4B" w:rsidRPr="00474E4B">
              <w:t>ț</w:t>
            </w:r>
            <w:r w:rsidRPr="00474E4B">
              <w:t xml:space="preserve">ie, formare </w:t>
            </w:r>
            <w:r w:rsidR="00474E4B" w:rsidRPr="00474E4B">
              <w:t>ș</w:t>
            </w:r>
            <w:r w:rsidRPr="00474E4B">
              <w:t>i servicii conexe</w:t>
            </w:r>
            <w:r w:rsidRPr="00474E4B">
              <w:rPr>
                <w:b/>
                <w:i/>
              </w:rPr>
              <w:t>, abordând în special oportunită</w:t>
            </w:r>
            <w:r w:rsidR="00474E4B" w:rsidRPr="00474E4B">
              <w:rPr>
                <w:b/>
                <w:i/>
              </w:rPr>
              <w:t>ț</w:t>
            </w:r>
            <w:r w:rsidRPr="00474E4B">
              <w:rPr>
                <w:b/>
                <w:i/>
              </w:rPr>
              <w:t xml:space="preserve">ile din sectorul transportului </w:t>
            </w:r>
            <w:r w:rsidR="00474E4B" w:rsidRPr="00474E4B">
              <w:rPr>
                <w:b/>
                <w:i/>
              </w:rPr>
              <w:t>ș</w:t>
            </w:r>
            <w:r w:rsidRPr="00474E4B">
              <w:rPr>
                <w:b/>
                <w:i/>
              </w:rPr>
              <w:t>i din alte sectoare afectate de penuria de for</w:t>
            </w:r>
            <w:r w:rsidR="00474E4B" w:rsidRPr="00474E4B">
              <w:rPr>
                <w:b/>
                <w:i/>
              </w:rPr>
              <w:t>ț</w:t>
            </w:r>
            <w:r w:rsidRPr="00474E4B">
              <w:rPr>
                <w:b/>
                <w:i/>
              </w:rPr>
              <w:t xml:space="preserve">ă de muncă </w:t>
            </w:r>
            <w:r w:rsidR="00474E4B" w:rsidRPr="00474E4B">
              <w:rPr>
                <w:b/>
                <w:i/>
              </w:rPr>
              <w:t>ș</w:t>
            </w:r>
            <w:r w:rsidRPr="00474E4B">
              <w:rPr>
                <w:b/>
                <w:i/>
              </w:rPr>
              <w:t>i adaptarea la noile tehnologii</w:t>
            </w:r>
            <w:r w:rsidRPr="00474E4B">
              <w:t>;</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84</w:t>
      </w:r>
      <w:r w:rsidRPr="00474E4B">
        <w:rPr>
          <w:rStyle w:val="HideTWBExt"/>
        </w:rPr>
        <w:t>&lt;/NumAm&gt;</w:t>
      </w:r>
    </w:p>
    <w:p w:rsidR="00CC45A9" w:rsidRPr="00474E4B" w:rsidRDefault="00CC45A9" w:rsidP="00CC45A9">
      <w:pPr>
        <w:pStyle w:val="NormalBold12b"/>
        <w:rPr>
          <w:noProof/>
        </w:rPr>
      </w:pPr>
      <w:r w:rsidRPr="00474E4B">
        <w:rPr>
          <w:rStyle w:val="HideTWBExt"/>
        </w:rPr>
        <w:lastRenderedPageBreak/>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Anexa III – punctul 3 – subpunctul 3.3 a (nou)</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tcPr>
          <w:p w:rsidR="00CC45A9" w:rsidRPr="00474E4B" w:rsidRDefault="00CC45A9" w:rsidP="001D1851">
            <w:pPr>
              <w:pStyle w:val="Normal6"/>
              <w:rPr>
                <w:noProof/>
              </w:rPr>
            </w:pPr>
            <w:r w:rsidRPr="00474E4B">
              <w:rPr>
                <w:b/>
                <w:i/>
              </w:rPr>
              <w:t>3.3 a</w:t>
            </w:r>
            <w:r w:rsidRPr="00474E4B">
              <w:rPr>
                <w:b/>
                <w:i/>
              </w:rPr>
              <w:tab/>
              <w:t>Investi</w:t>
            </w:r>
            <w:r w:rsidR="00474E4B" w:rsidRPr="00474E4B">
              <w:rPr>
                <w:b/>
                <w:i/>
              </w:rPr>
              <w:t>ț</w:t>
            </w:r>
            <w:r w:rsidRPr="00474E4B">
              <w:rPr>
                <w:b/>
                <w:i/>
              </w:rPr>
              <w:t>ii care sprijină îmbunătă</w:t>
            </w:r>
            <w:r w:rsidR="00474E4B" w:rsidRPr="00474E4B">
              <w:rPr>
                <w:b/>
                <w:i/>
              </w:rPr>
              <w:t>ț</w:t>
            </w:r>
            <w:r w:rsidRPr="00474E4B">
              <w:rPr>
                <w:b/>
                <w:i/>
              </w:rPr>
              <w:t>irea siguran</w:t>
            </w:r>
            <w:r w:rsidR="00474E4B" w:rsidRPr="00474E4B">
              <w:rPr>
                <w:b/>
                <w:i/>
              </w:rPr>
              <w:t>ț</w:t>
            </w:r>
            <w:r w:rsidRPr="00474E4B">
              <w:rPr>
                <w:b/>
                <w:i/>
              </w:rPr>
              <w:t xml:space="preserve">ei conducătorilor auto </w:t>
            </w:r>
            <w:r w:rsidR="00474E4B" w:rsidRPr="00474E4B">
              <w:rPr>
                <w:b/>
                <w:i/>
              </w:rPr>
              <w:t>ș</w:t>
            </w:r>
            <w:r w:rsidRPr="00474E4B">
              <w:rPr>
                <w:b/>
                <w:i/>
              </w:rPr>
              <w:t>i a pasagerilor în toate modurile de transport, în special în transportul rutier;</w:t>
            </w:r>
          </w:p>
        </w:tc>
      </w:tr>
    </w:tbl>
    <w:p w:rsidR="00CC45A9" w:rsidRPr="00474E4B" w:rsidRDefault="00CC45A9" w:rsidP="00CC45A9">
      <w:pPr>
        <w:rPr>
          <w:rStyle w:val="HideTWBExt"/>
          <w:color w:val="auto"/>
        </w:rPr>
      </w:pPr>
      <w:r w:rsidRPr="00474E4B">
        <w:rPr>
          <w:rStyle w:val="HideTWBExt"/>
        </w:rPr>
        <w:t>&lt;/Amend&gt;</w:t>
      </w:r>
    </w:p>
    <w:p w:rsidR="00CC45A9" w:rsidRPr="00474E4B" w:rsidRDefault="00CC45A9" w:rsidP="00CC45A9">
      <w:pPr>
        <w:pStyle w:val="AMNumberTabs"/>
        <w:keepNext/>
        <w:rPr>
          <w:noProof/>
        </w:rPr>
      </w:pPr>
      <w:r w:rsidRPr="00474E4B">
        <w:rPr>
          <w:rStyle w:val="HideTWBExt"/>
          <w:b w:val="0"/>
        </w:rPr>
        <w:t>&lt;Amend&gt;</w:t>
      </w:r>
      <w:r w:rsidRPr="00474E4B">
        <w:t>Amendamentul</w:t>
      </w:r>
      <w:r w:rsidRPr="00474E4B">
        <w:tab/>
      </w:r>
      <w:r w:rsidRPr="00474E4B">
        <w:tab/>
      </w:r>
      <w:r w:rsidRPr="00474E4B">
        <w:rPr>
          <w:rStyle w:val="HideTWBExt"/>
          <w:b w:val="0"/>
        </w:rPr>
        <w:t>&lt;NumAm&gt;</w:t>
      </w:r>
      <w:r w:rsidRPr="00474E4B">
        <w:t>85</w:t>
      </w:r>
      <w:r w:rsidRPr="00474E4B">
        <w:rPr>
          <w:rStyle w:val="HideTWBExt"/>
          <w:b w:val="0"/>
        </w:rPr>
        <w:t>&lt;/NumAm&gt;</w:t>
      </w:r>
    </w:p>
    <w:p w:rsidR="00CC45A9" w:rsidRPr="00474E4B" w:rsidRDefault="00CC45A9" w:rsidP="00CC45A9">
      <w:pPr>
        <w:pStyle w:val="NormalBold12b"/>
        <w:rPr>
          <w:noProof/>
        </w:rPr>
      </w:pPr>
      <w:r w:rsidRPr="00474E4B">
        <w:rPr>
          <w:rStyle w:val="HideTWBExt"/>
          <w:b w:val="0"/>
        </w:rPr>
        <w:t>&lt;DocAmend&gt;</w:t>
      </w:r>
      <w:r w:rsidRPr="00474E4B">
        <w:t>Propunere de regulament</w:t>
      </w:r>
      <w:r w:rsidRPr="00474E4B">
        <w:rPr>
          <w:rStyle w:val="HideTWBExt"/>
          <w:b w:val="0"/>
        </w:rPr>
        <w:t>&lt;/DocAmend&gt;</w:t>
      </w:r>
    </w:p>
    <w:p w:rsidR="00CC45A9" w:rsidRPr="00474E4B" w:rsidRDefault="00CC45A9" w:rsidP="00CC45A9">
      <w:pPr>
        <w:pStyle w:val="NormalBold"/>
        <w:rPr>
          <w:noProof/>
        </w:rPr>
      </w:pPr>
      <w:r w:rsidRPr="00474E4B">
        <w:rPr>
          <w:rStyle w:val="HideTWBExt"/>
          <w:b w:val="0"/>
        </w:rPr>
        <w:t>&lt;Article&gt;</w:t>
      </w:r>
      <w:r w:rsidRPr="00474E4B">
        <w:t>Anexa III – punctul 4 – subpunctul 4.4</w:t>
      </w:r>
      <w:r w:rsidRPr="00474E4B">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jc w:val="center"/>
        </w:trPr>
        <w:tc>
          <w:tcPr>
            <w:tcW w:w="9752" w:type="dxa"/>
            <w:gridSpan w:val="2"/>
          </w:tcPr>
          <w:p w:rsidR="00CC45A9" w:rsidRPr="00474E4B" w:rsidRDefault="00CC45A9" w:rsidP="001D1851">
            <w:pPr>
              <w:keepNext/>
              <w:rPr>
                <w:noProof/>
              </w:rPr>
            </w:pPr>
          </w:p>
        </w:tc>
      </w:tr>
      <w:tr w:rsidR="00CC45A9" w:rsidRPr="00474E4B" w:rsidTr="001D1851">
        <w:trPr>
          <w:jc w:val="center"/>
        </w:trPr>
        <w:tc>
          <w:tcPr>
            <w:tcW w:w="4876" w:type="dxa"/>
            <w:hideMark/>
          </w:tcPr>
          <w:p w:rsidR="00CC45A9" w:rsidRPr="00474E4B" w:rsidRDefault="00CC45A9" w:rsidP="001D1851">
            <w:pPr>
              <w:pStyle w:val="ColumnHeading"/>
              <w:keepNext/>
              <w:rPr>
                <w:noProof/>
              </w:rPr>
            </w:pPr>
            <w:r w:rsidRPr="00474E4B">
              <w:t>Textul propus de Comisie</w:t>
            </w:r>
          </w:p>
        </w:tc>
        <w:tc>
          <w:tcPr>
            <w:tcW w:w="4876" w:type="dxa"/>
            <w:hideMark/>
          </w:tcPr>
          <w:p w:rsidR="00CC45A9" w:rsidRPr="00474E4B" w:rsidRDefault="00CC45A9" w:rsidP="001D1851">
            <w:pPr>
              <w:pStyle w:val="ColumnHeading"/>
              <w:keepNext/>
              <w:rPr>
                <w:noProof/>
              </w:rPr>
            </w:pPr>
            <w:r w:rsidRPr="00474E4B">
              <w:t>Amendamentul</w:t>
            </w:r>
          </w:p>
        </w:tc>
      </w:tr>
      <w:tr w:rsidR="00CC45A9" w:rsidRPr="00474E4B" w:rsidTr="001D1851">
        <w:trPr>
          <w:jc w:val="center"/>
        </w:trPr>
        <w:tc>
          <w:tcPr>
            <w:tcW w:w="4876" w:type="dxa"/>
            <w:hideMark/>
          </w:tcPr>
          <w:p w:rsidR="00CC45A9" w:rsidRPr="00474E4B" w:rsidRDefault="00CC45A9" w:rsidP="001D1851">
            <w:pPr>
              <w:pStyle w:val="Normal6"/>
              <w:rPr>
                <w:noProof/>
              </w:rPr>
            </w:pPr>
            <w:r w:rsidRPr="00474E4B">
              <w:t>4.4</w:t>
            </w:r>
            <w:r w:rsidRPr="00474E4B">
              <w:tab/>
              <w:t>Transport: investi</w:t>
            </w:r>
            <w:r w:rsidR="00474E4B" w:rsidRPr="00474E4B">
              <w:t>ț</w:t>
            </w:r>
            <w:r w:rsidRPr="00474E4B">
              <w:t xml:space="preserve">ii mobilizate în TEN-T, dintre care: </w:t>
            </w:r>
            <w:r w:rsidRPr="00474E4B">
              <w:rPr>
                <w:b/>
                <w:i/>
              </w:rPr>
              <w:t>Re</w:t>
            </w:r>
            <w:r w:rsidR="00474E4B" w:rsidRPr="00474E4B">
              <w:rPr>
                <w:b/>
                <w:i/>
              </w:rPr>
              <w:t>ț</w:t>
            </w:r>
            <w:r w:rsidRPr="00474E4B">
              <w:rPr>
                <w:b/>
                <w:i/>
              </w:rPr>
              <w:t>eaua TEN-T centrală</w:t>
            </w:r>
          </w:p>
        </w:tc>
        <w:tc>
          <w:tcPr>
            <w:tcW w:w="4876" w:type="dxa"/>
            <w:hideMark/>
          </w:tcPr>
          <w:p w:rsidR="00CC45A9" w:rsidRPr="00474E4B" w:rsidRDefault="00CC45A9" w:rsidP="001D1851">
            <w:pPr>
              <w:pStyle w:val="Normal6"/>
              <w:rPr>
                <w:noProof/>
                <w:szCs w:val="24"/>
              </w:rPr>
            </w:pPr>
            <w:r w:rsidRPr="00474E4B">
              <w:t>4.4</w:t>
            </w:r>
            <w:r w:rsidRPr="00474E4B">
              <w:tab/>
              <w:t>Transport: investi</w:t>
            </w:r>
            <w:r w:rsidR="00474E4B" w:rsidRPr="00474E4B">
              <w:t>ț</w:t>
            </w:r>
            <w:r w:rsidRPr="00474E4B">
              <w:t>ii mobilizate în TEN-T, dintre care:</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rPr>
              <w:t>- re</w:t>
            </w:r>
            <w:r w:rsidR="00474E4B" w:rsidRPr="00474E4B">
              <w:rPr>
                <w:b/>
                <w:i/>
              </w:rPr>
              <w:t>ț</w:t>
            </w:r>
            <w:r w:rsidRPr="00474E4B">
              <w:rPr>
                <w:b/>
                <w:i/>
              </w:rPr>
              <w:t xml:space="preserve">eaua centrală </w:t>
            </w:r>
            <w:r w:rsidR="00474E4B" w:rsidRPr="00474E4B">
              <w:rPr>
                <w:b/>
                <w:i/>
              </w:rPr>
              <w:t>ș</w:t>
            </w:r>
            <w:r w:rsidRPr="00474E4B">
              <w:rPr>
                <w:b/>
                <w:i/>
              </w:rPr>
              <w:t>i re</w:t>
            </w:r>
            <w:r w:rsidR="00474E4B" w:rsidRPr="00474E4B">
              <w:rPr>
                <w:b/>
                <w:i/>
              </w:rPr>
              <w:t>ț</w:t>
            </w:r>
            <w:r w:rsidRPr="00474E4B">
              <w:rPr>
                <w:b/>
                <w:i/>
              </w:rPr>
              <w:t xml:space="preserve">eaua globală în componentele definite în anexa la [Regulamentul nr. XXX, a se introduce trimiterea la noul MIE] de instituire a Mecanismului pentru Interconectarea Europei. </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rPr>
              <w:t>- infrastructura multimodală;</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rPr>
              <w:t>- solu</w:t>
            </w:r>
            <w:r w:rsidR="00474E4B" w:rsidRPr="00474E4B">
              <w:rPr>
                <w:b/>
                <w:i/>
              </w:rPr>
              <w:t>ț</w:t>
            </w:r>
            <w:r w:rsidRPr="00474E4B">
              <w:rPr>
                <w:b/>
                <w:i/>
              </w:rPr>
              <w:t>ii inovatoare care contribuie la o combina</w:t>
            </w:r>
            <w:r w:rsidR="00474E4B" w:rsidRPr="00474E4B">
              <w:rPr>
                <w:b/>
                <w:i/>
              </w:rPr>
              <w:t>ț</w:t>
            </w:r>
            <w:r w:rsidRPr="00474E4B">
              <w:rPr>
                <w:b/>
                <w:i/>
              </w:rPr>
              <w:t xml:space="preserve">ie echilibrată a modurilor de transport, inclusiv pentru transportul aerian </w:t>
            </w:r>
            <w:r w:rsidR="00474E4B" w:rsidRPr="00474E4B">
              <w:rPr>
                <w:b/>
                <w:i/>
              </w:rPr>
              <w:t>ș</w:t>
            </w:r>
            <w:r w:rsidRPr="00474E4B">
              <w:rPr>
                <w:b/>
                <w:i/>
              </w:rPr>
              <w:t>i pe căile navigabile interioare;</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hideMark/>
          </w:tcPr>
          <w:p w:rsidR="00CC45A9" w:rsidRPr="00474E4B" w:rsidRDefault="00CC45A9" w:rsidP="001D1851">
            <w:pPr>
              <w:pStyle w:val="Normal6"/>
              <w:rPr>
                <w:noProof/>
                <w:szCs w:val="24"/>
              </w:rPr>
            </w:pPr>
            <w:r w:rsidRPr="00474E4B">
              <w:rPr>
                <w:b/>
                <w:i/>
              </w:rPr>
              <w:t>- numărul de puncte de infrastructură pentru combustibili alternativi instalate.</w:t>
            </w:r>
          </w:p>
        </w:tc>
      </w:tr>
    </w:tbl>
    <w:p w:rsidR="00CC45A9" w:rsidRPr="00474E4B" w:rsidRDefault="00CC45A9" w:rsidP="00CC45A9">
      <w:pPr>
        <w:rPr>
          <w:noProof/>
        </w:rPr>
      </w:pPr>
      <w:r w:rsidRPr="00474E4B">
        <w:rPr>
          <w:rStyle w:val="HideTWBExt"/>
        </w:rPr>
        <w:t>&lt;/Amend&gt;</w:t>
      </w:r>
    </w:p>
    <w:p w:rsidR="00CC45A9" w:rsidRPr="00474E4B" w:rsidRDefault="00CC45A9" w:rsidP="00CC45A9">
      <w:pPr>
        <w:pStyle w:val="AMNumberTabs"/>
        <w:rPr>
          <w:noProof/>
        </w:rPr>
      </w:pPr>
      <w:r w:rsidRPr="00474E4B">
        <w:rPr>
          <w:rStyle w:val="HideTWBExt"/>
        </w:rPr>
        <w:t>&lt;Amend&gt;</w:t>
      </w:r>
      <w:r w:rsidRPr="00474E4B">
        <w:t>Amendamentul</w:t>
      </w:r>
      <w:r w:rsidRPr="00474E4B">
        <w:tab/>
      </w:r>
      <w:r w:rsidRPr="00474E4B">
        <w:tab/>
      </w:r>
      <w:r w:rsidRPr="00474E4B">
        <w:rPr>
          <w:rStyle w:val="HideTWBExt"/>
        </w:rPr>
        <w:t>&lt;NumAm&gt;</w:t>
      </w:r>
      <w:r w:rsidRPr="00474E4B">
        <w:t>86</w:t>
      </w:r>
      <w:r w:rsidRPr="00474E4B">
        <w:rPr>
          <w:rStyle w:val="HideTWBExt"/>
        </w:rPr>
        <w:t>&lt;/NumAm&gt;</w:t>
      </w:r>
    </w:p>
    <w:p w:rsidR="00CC45A9" w:rsidRPr="00474E4B" w:rsidRDefault="00CC45A9" w:rsidP="00CC45A9">
      <w:pPr>
        <w:pStyle w:val="NormalBold12b"/>
        <w:rPr>
          <w:noProof/>
        </w:rPr>
      </w:pPr>
      <w:r w:rsidRPr="00474E4B">
        <w:rPr>
          <w:rStyle w:val="HideTWBExt"/>
        </w:rPr>
        <w:t>&lt;DocAmend&gt;</w:t>
      </w:r>
      <w:r w:rsidRPr="00474E4B">
        <w:t>Propunere de regulament</w:t>
      </w:r>
      <w:r w:rsidRPr="00474E4B">
        <w:rPr>
          <w:rStyle w:val="HideTWBExt"/>
        </w:rPr>
        <w:t>&lt;/DocAmend&gt;</w:t>
      </w:r>
    </w:p>
    <w:p w:rsidR="00CC45A9" w:rsidRPr="00474E4B" w:rsidRDefault="00CC45A9" w:rsidP="00CC45A9">
      <w:pPr>
        <w:pStyle w:val="NormalBold"/>
        <w:rPr>
          <w:noProof/>
        </w:rPr>
      </w:pPr>
      <w:r w:rsidRPr="00474E4B">
        <w:rPr>
          <w:rStyle w:val="HideTWBExt"/>
        </w:rPr>
        <w:t>&lt;Article&gt;</w:t>
      </w:r>
      <w:r w:rsidRPr="00474E4B">
        <w:t>Anexa III – punctul 7 – subpunctul 7.2 a (nou)</w:t>
      </w:r>
      <w:r w:rsidRPr="00474E4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45A9" w:rsidRPr="00474E4B" w:rsidTr="001D1851">
        <w:trPr>
          <w:trHeight w:hRule="exact" w:val="240"/>
          <w:jc w:val="center"/>
        </w:trPr>
        <w:tc>
          <w:tcPr>
            <w:tcW w:w="9752" w:type="dxa"/>
            <w:gridSpan w:val="2"/>
          </w:tcPr>
          <w:p w:rsidR="00CC45A9" w:rsidRPr="00474E4B" w:rsidRDefault="00CC45A9" w:rsidP="001D1851">
            <w:pPr>
              <w:rPr>
                <w:noProof/>
              </w:rPr>
            </w:pPr>
          </w:p>
        </w:tc>
      </w:tr>
      <w:tr w:rsidR="00CC45A9" w:rsidRPr="00474E4B" w:rsidTr="001D1851">
        <w:trPr>
          <w:trHeight w:val="240"/>
          <w:jc w:val="center"/>
        </w:trPr>
        <w:tc>
          <w:tcPr>
            <w:tcW w:w="4876" w:type="dxa"/>
          </w:tcPr>
          <w:p w:rsidR="00CC45A9" w:rsidRPr="00474E4B" w:rsidRDefault="00CC45A9" w:rsidP="001D1851">
            <w:pPr>
              <w:pStyle w:val="ColumnHeading"/>
              <w:rPr>
                <w:noProof/>
              </w:rPr>
            </w:pPr>
            <w:r w:rsidRPr="00474E4B">
              <w:t>Textul propus de Comisie</w:t>
            </w:r>
          </w:p>
        </w:tc>
        <w:tc>
          <w:tcPr>
            <w:tcW w:w="4876" w:type="dxa"/>
          </w:tcPr>
          <w:p w:rsidR="00CC45A9" w:rsidRPr="00474E4B" w:rsidRDefault="00CC45A9" w:rsidP="001D1851">
            <w:pPr>
              <w:pStyle w:val="ColumnHeading"/>
              <w:rPr>
                <w:noProof/>
              </w:rPr>
            </w:pPr>
            <w:r w:rsidRPr="00474E4B">
              <w:t>Amendamentul</w:t>
            </w:r>
          </w:p>
        </w:tc>
      </w:tr>
      <w:tr w:rsidR="00CC45A9" w:rsidRPr="00474E4B" w:rsidTr="001D1851">
        <w:trPr>
          <w:jc w:val="center"/>
        </w:trPr>
        <w:tc>
          <w:tcPr>
            <w:tcW w:w="4876" w:type="dxa"/>
          </w:tcPr>
          <w:p w:rsidR="00CC45A9" w:rsidRPr="00474E4B" w:rsidRDefault="00CC45A9" w:rsidP="001D1851">
            <w:pPr>
              <w:pStyle w:val="Normal6"/>
              <w:rPr>
                <w:noProof/>
              </w:rPr>
            </w:pPr>
          </w:p>
        </w:tc>
        <w:tc>
          <w:tcPr>
            <w:tcW w:w="4876" w:type="dxa"/>
          </w:tcPr>
          <w:p w:rsidR="00CC45A9" w:rsidRPr="00474E4B" w:rsidRDefault="00CC45A9" w:rsidP="001D1851">
            <w:pPr>
              <w:pStyle w:val="Normal6"/>
              <w:rPr>
                <w:noProof/>
              </w:rPr>
            </w:pPr>
            <w:r w:rsidRPr="00474E4B">
              <w:rPr>
                <w:b/>
                <w:i/>
              </w:rPr>
              <w:t>7.2 a</w:t>
            </w:r>
            <w:r w:rsidRPr="00474E4B">
              <w:rPr>
                <w:b/>
                <w:i/>
              </w:rPr>
              <w:tab/>
              <w:t>Sprijin pentru for</w:t>
            </w:r>
            <w:r w:rsidR="00474E4B" w:rsidRPr="00474E4B">
              <w:rPr>
                <w:b/>
                <w:i/>
              </w:rPr>
              <w:t>ț</w:t>
            </w:r>
            <w:r w:rsidRPr="00474E4B">
              <w:rPr>
                <w:b/>
                <w:i/>
              </w:rPr>
              <w:t>a de muncă înalt calificată:</w:t>
            </w:r>
            <w:r w:rsidRPr="00474E4B">
              <w:t xml:space="preserve"> </w:t>
            </w:r>
            <w:r w:rsidRPr="00474E4B">
              <w:rPr>
                <w:b/>
                <w:i/>
              </w:rPr>
              <w:t>numărul de angaja</w:t>
            </w:r>
            <w:r w:rsidR="00474E4B" w:rsidRPr="00474E4B">
              <w:rPr>
                <w:b/>
                <w:i/>
              </w:rPr>
              <w:t>ț</w:t>
            </w:r>
            <w:r w:rsidRPr="00474E4B">
              <w:rPr>
                <w:b/>
                <w:i/>
              </w:rPr>
              <w:t>i care beneficiază de sprijin pentru men</w:t>
            </w:r>
            <w:r w:rsidR="00474E4B" w:rsidRPr="00474E4B">
              <w:rPr>
                <w:b/>
                <w:i/>
              </w:rPr>
              <w:t>ț</w:t>
            </w:r>
            <w:r w:rsidRPr="00474E4B">
              <w:rPr>
                <w:b/>
                <w:i/>
              </w:rPr>
              <w:t>inerea unei for</w:t>
            </w:r>
            <w:r w:rsidR="00474E4B" w:rsidRPr="00474E4B">
              <w:rPr>
                <w:b/>
                <w:i/>
              </w:rPr>
              <w:t>ț</w:t>
            </w:r>
            <w:r w:rsidRPr="00474E4B">
              <w:rPr>
                <w:b/>
                <w:i/>
              </w:rPr>
              <w:t xml:space="preserve">e de muncă înalt calificate în industria prelucrătoare </w:t>
            </w:r>
            <w:r w:rsidR="00474E4B" w:rsidRPr="00474E4B">
              <w:rPr>
                <w:b/>
                <w:i/>
              </w:rPr>
              <w:t>ș</w:t>
            </w:r>
            <w:r w:rsidRPr="00474E4B">
              <w:rPr>
                <w:b/>
                <w:i/>
              </w:rPr>
              <w:t xml:space="preserve">i în sectorul </w:t>
            </w:r>
            <w:r w:rsidRPr="00474E4B">
              <w:rPr>
                <w:b/>
                <w:i/>
              </w:rPr>
              <w:lastRenderedPageBreak/>
              <w:t>ter</w:t>
            </w:r>
            <w:r w:rsidR="00474E4B" w:rsidRPr="00474E4B">
              <w:rPr>
                <w:b/>
                <w:i/>
              </w:rPr>
              <w:t>ț</w:t>
            </w:r>
            <w:r w:rsidRPr="00474E4B">
              <w:rPr>
                <w:b/>
                <w:i/>
              </w:rPr>
              <w:t xml:space="preserve">iar </w:t>
            </w:r>
            <w:r w:rsidR="00474E4B" w:rsidRPr="00474E4B">
              <w:rPr>
                <w:b/>
                <w:i/>
              </w:rPr>
              <w:t>ș</w:t>
            </w:r>
            <w:r w:rsidRPr="00474E4B">
              <w:rPr>
                <w:b/>
                <w:i/>
              </w:rPr>
              <w:t>i adaptarea la digitalizare</w:t>
            </w:r>
          </w:p>
        </w:tc>
      </w:tr>
    </w:tbl>
    <w:p w:rsidR="00CC45A9" w:rsidRPr="00474E4B" w:rsidRDefault="00CC45A9" w:rsidP="00CC45A9">
      <w:pPr>
        <w:rPr>
          <w:noProof/>
        </w:rPr>
      </w:pPr>
      <w:r w:rsidRPr="00474E4B">
        <w:rPr>
          <w:rStyle w:val="HideTWBExt"/>
        </w:rPr>
        <w:lastRenderedPageBreak/>
        <w:t>&lt;/Amend&gt;</w:t>
      </w:r>
    </w:p>
    <w:p w:rsidR="00CC45A9" w:rsidRPr="00474E4B" w:rsidRDefault="00CC45A9" w:rsidP="00CC45A9">
      <w:pPr>
        <w:rPr>
          <w:noProof/>
        </w:rPr>
      </w:pPr>
    </w:p>
    <w:p w:rsidR="00CC45A9" w:rsidRPr="00474E4B" w:rsidRDefault="00CC45A9" w:rsidP="00CC45A9">
      <w:pPr>
        <w:rPr>
          <w:noProof/>
        </w:rPr>
      </w:pPr>
      <w:r w:rsidRPr="00474E4B">
        <w:rPr>
          <w:rStyle w:val="HideTWBExt"/>
          <w:szCs w:val="20"/>
        </w:rPr>
        <w:t>&lt;/RepeatBlock-Amend&gt;</w:t>
      </w:r>
    </w:p>
    <w:p w:rsidR="00CC45A9" w:rsidRPr="00474E4B" w:rsidRDefault="00CC45A9" w:rsidP="00FB552D">
      <w:pPr>
        <w:rPr>
          <w:noProof/>
        </w:rPr>
      </w:pPr>
    </w:p>
    <w:p w:rsidR="00FB552D" w:rsidRPr="00474E4B" w:rsidRDefault="00CC45A9" w:rsidP="00FB552D">
      <w:pPr>
        <w:pStyle w:val="PageHeadingNotTOC"/>
        <w:rPr>
          <w:noProof/>
        </w:rPr>
      </w:pPr>
      <w:r w:rsidRPr="00474E4B">
        <w:br w:type="page"/>
      </w:r>
      <w:bookmarkStart w:id="4" w:name="ProcPageAD"/>
      <w:r w:rsidRPr="00474E4B">
        <w:lastRenderedPageBreak/>
        <w:t>PROCEDURA COMISIEI SESIZATE PENTRU AVIZ</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FB552D" w:rsidRPr="00474E4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b/>
                <w:bCs/>
                <w:noProof/>
                <w:sz w:val="20"/>
                <w:szCs w:val="20"/>
              </w:rPr>
            </w:pPr>
            <w:r w:rsidRPr="00474E4B">
              <w:rPr>
                <w:b/>
                <w:bCs/>
                <w:sz w:val="20"/>
                <w:szCs w:val="20"/>
              </w:rPr>
              <w:t>Titl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noProof/>
                <w:sz w:val="20"/>
                <w:szCs w:val="20"/>
              </w:rPr>
            </w:pPr>
            <w:r w:rsidRPr="00474E4B">
              <w:rPr>
                <w:sz w:val="20"/>
                <w:szCs w:val="20"/>
              </w:rPr>
              <w:t>Instituirea Programului InvestEU</w:t>
            </w:r>
          </w:p>
        </w:tc>
      </w:tr>
      <w:tr w:rsidR="00FB552D" w:rsidRPr="00474E4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b/>
                <w:bCs/>
                <w:noProof/>
                <w:sz w:val="20"/>
                <w:szCs w:val="20"/>
              </w:rPr>
            </w:pPr>
            <w:r w:rsidRPr="00474E4B">
              <w:rPr>
                <w:b/>
                <w:bCs/>
                <w:sz w:val="20"/>
                <w:szCs w:val="20"/>
              </w:rPr>
              <w:t>Referin</w:t>
            </w:r>
            <w:r w:rsidR="00474E4B" w:rsidRPr="00474E4B">
              <w:rPr>
                <w:b/>
                <w:bCs/>
                <w:sz w:val="20"/>
                <w:szCs w:val="20"/>
              </w:rPr>
              <w:t>ț</w:t>
            </w:r>
            <w:r w:rsidRPr="00474E4B">
              <w:rPr>
                <w:b/>
                <w:bCs/>
                <w:sz w:val="20"/>
                <w:szCs w:val="20"/>
              </w:rPr>
              <w: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noProof/>
                <w:sz w:val="20"/>
                <w:szCs w:val="20"/>
              </w:rPr>
            </w:pPr>
            <w:r w:rsidRPr="00474E4B">
              <w:rPr>
                <w:sz w:val="20"/>
                <w:szCs w:val="20"/>
              </w:rPr>
              <w:t>COM(2018)0439 – C8-0257/2018 – 2018/0229(COD)</w:t>
            </w:r>
          </w:p>
        </w:tc>
      </w:tr>
      <w:tr w:rsidR="00FB552D" w:rsidRPr="00474E4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b/>
                <w:bCs/>
                <w:noProof/>
                <w:sz w:val="20"/>
                <w:szCs w:val="20"/>
              </w:rPr>
            </w:pPr>
            <w:r w:rsidRPr="00474E4B">
              <w:rPr>
                <w:b/>
                <w:bCs/>
                <w:sz w:val="20"/>
                <w:szCs w:val="20"/>
              </w:rPr>
              <w:t xml:space="preserve">Comisii competente </w:t>
            </w:r>
          </w:p>
          <w:p w:rsidR="00FB552D" w:rsidRPr="00474E4B" w:rsidRDefault="00474E4B">
            <w:pPr>
              <w:widowControl w:val="0"/>
              <w:autoSpaceDE w:val="0"/>
              <w:autoSpaceDN w:val="0"/>
              <w:adjustRightInd w:val="0"/>
              <w:rPr>
                <w:noProof/>
                <w:sz w:val="20"/>
                <w:szCs w:val="20"/>
              </w:rPr>
            </w:pPr>
            <w:r w:rsidRPr="00474E4B">
              <w:rPr>
                <w:sz w:val="20"/>
                <w:szCs w:val="20"/>
              </w:rPr>
              <w:t xml:space="preserve"> </w:t>
            </w:r>
            <w:r w:rsidR="00FB552D" w:rsidRPr="00474E4B">
              <w:rPr>
                <w:sz w:val="20"/>
                <w:szCs w:val="20"/>
              </w:rPr>
              <w:t>Data anun</w:t>
            </w:r>
            <w:r w:rsidRPr="00474E4B">
              <w:rPr>
                <w:sz w:val="20"/>
                <w:szCs w:val="20"/>
              </w:rPr>
              <w:t>ț</w:t>
            </w:r>
            <w:r w:rsidR="00FB552D" w:rsidRPr="00474E4B">
              <w:rPr>
                <w:sz w:val="20"/>
                <w:szCs w:val="20"/>
              </w:rPr>
              <w:t>ului în ple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B552D" w:rsidRPr="00474E4B" w:rsidRDefault="00FB552D">
            <w:pPr>
              <w:widowControl w:val="0"/>
              <w:autoSpaceDE w:val="0"/>
              <w:autoSpaceDN w:val="0"/>
              <w:adjustRightInd w:val="0"/>
              <w:rPr>
                <w:noProof/>
                <w:sz w:val="20"/>
                <w:szCs w:val="20"/>
              </w:rPr>
            </w:pPr>
            <w:r w:rsidRPr="00474E4B">
              <w:rPr>
                <w:sz w:val="20"/>
                <w:szCs w:val="20"/>
              </w:rPr>
              <w:t>BUDG</w:t>
            </w:r>
          </w:p>
          <w:p w:rsidR="00FB552D" w:rsidRPr="00474E4B" w:rsidRDefault="00FB552D">
            <w:pPr>
              <w:widowControl w:val="0"/>
              <w:autoSpaceDE w:val="0"/>
              <w:autoSpaceDN w:val="0"/>
              <w:adjustRightInd w:val="0"/>
              <w:rPr>
                <w:noProof/>
                <w:sz w:val="20"/>
                <w:szCs w:val="20"/>
              </w:rPr>
            </w:pPr>
            <w:r w:rsidRPr="00474E4B">
              <w:rPr>
                <w:sz w:val="20"/>
                <w:szCs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B552D" w:rsidRPr="00474E4B" w:rsidRDefault="00FB552D">
            <w:pPr>
              <w:widowControl w:val="0"/>
              <w:autoSpaceDE w:val="0"/>
              <w:autoSpaceDN w:val="0"/>
              <w:adjustRightInd w:val="0"/>
              <w:rPr>
                <w:noProof/>
                <w:sz w:val="20"/>
                <w:szCs w:val="20"/>
              </w:rPr>
            </w:pPr>
            <w:r w:rsidRPr="00474E4B">
              <w:rPr>
                <w:sz w:val="20"/>
                <w:szCs w:val="20"/>
              </w:rPr>
              <w:t>ECON</w:t>
            </w:r>
          </w:p>
          <w:p w:rsidR="00FB552D" w:rsidRPr="00474E4B" w:rsidRDefault="00FB552D">
            <w:pPr>
              <w:widowControl w:val="0"/>
              <w:autoSpaceDE w:val="0"/>
              <w:autoSpaceDN w:val="0"/>
              <w:adjustRightInd w:val="0"/>
              <w:rPr>
                <w:noProof/>
                <w:sz w:val="20"/>
                <w:szCs w:val="20"/>
              </w:rPr>
            </w:pPr>
            <w:r w:rsidRPr="00474E4B">
              <w:rPr>
                <w:sz w:val="20"/>
                <w:szCs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B552D" w:rsidRPr="00474E4B" w:rsidRDefault="00FB552D">
            <w:pPr>
              <w:widowControl w:val="0"/>
              <w:autoSpaceDE w:val="0"/>
              <w:autoSpaceDN w:val="0"/>
              <w:adjustRightInd w:val="0"/>
              <w:rPr>
                <w:rFonts w:ascii="sans-serif" w:hAnsi="sans-serif" w:cs="sans-serif"/>
                <w:noProo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rFonts w:ascii="sans-serif" w:hAnsi="sans-serif" w:cs="sans-serif"/>
                <w:noProof/>
              </w:rPr>
            </w:pPr>
          </w:p>
        </w:tc>
      </w:tr>
      <w:tr w:rsidR="00FB552D" w:rsidRPr="00474E4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b/>
                <w:bCs/>
                <w:noProof/>
                <w:sz w:val="20"/>
                <w:szCs w:val="20"/>
              </w:rPr>
            </w:pPr>
            <w:r w:rsidRPr="00474E4B">
              <w:rPr>
                <w:b/>
                <w:bCs/>
                <w:sz w:val="20"/>
                <w:szCs w:val="20"/>
              </w:rPr>
              <w:t>Aviz emis de către</w:t>
            </w:r>
          </w:p>
          <w:p w:rsidR="00FB552D" w:rsidRPr="00474E4B" w:rsidRDefault="00474E4B">
            <w:pPr>
              <w:widowControl w:val="0"/>
              <w:autoSpaceDE w:val="0"/>
              <w:autoSpaceDN w:val="0"/>
              <w:adjustRightInd w:val="0"/>
              <w:rPr>
                <w:noProof/>
                <w:sz w:val="20"/>
                <w:szCs w:val="20"/>
              </w:rPr>
            </w:pPr>
            <w:r w:rsidRPr="00474E4B">
              <w:rPr>
                <w:sz w:val="20"/>
                <w:szCs w:val="20"/>
              </w:rPr>
              <w:t xml:space="preserve"> </w:t>
            </w:r>
            <w:r w:rsidR="00FB552D" w:rsidRPr="00474E4B">
              <w:rPr>
                <w:sz w:val="20"/>
                <w:szCs w:val="20"/>
              </w:rPr>
              <w:t>Data anun</w:t>
            </w:r>
            <w:r w:rsidRPr="00474E4B">
              <w:rPr>
                <w:sz w:val="20"/>
                <w:szCs w:val="20"/>
              </w:rPr>
              <w:t>ț</w:t>
            </w:r>
            <w:r w:rsidR="00FB552D" w:rsidRPr="00474E4B">
              <w:rPr>
                <w:sz w:val="20"/>
                <w:szCs w:val="20"/>
              </w:rPr>
              <w:t>ului în pl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noProof/>
                <w:sz w:val="20"/>
                <w:szCs w:val="20"/>
              </w:rPr>
            </w:pPr>
            <w:r w:rsidRPr="00474E4B">
              <w:rPr>
                <w:sz w:val="20"/>
                <w:szCs w:val="20"/>
              </w:rPr>
              <w:t>TRAN</w:t>
            </w:r>
          </w:p>
          <w:p w:rsidR="00FB552D" w:rsidRPr="00474E4B" w:rsidRDefault="00FB552D">
            <w:pPr>
              <w:widowControl w:val="0"/>
              <w:autoSpaceDE w:val="0"/>
              <w:autoSpaceDN w:val="0"/>
              <w:adjustRightInd w:val="0"/>
              <w:rPr>
                <w:noProof/>
                <w:sz w:val="20"/>
                <w:szCs w:val="20"/>
              </w:rPr>
            </w:pPr>
            <w:r w:rsidRPr="00474E4B">
              <w:rPr>
                <w:sz w:val="20"/>
                <w:szCs w:val="20"/>
              </w:rPr>
              <w:t>14.6.2018</w:t>
            </w:r>
          </w:p>
        </w:tc>
      </w:tr>
      <w:tr w:rsidR="00FB552D" w:rsidRPr="00474E4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b/>
                <w:bCs/>
                <w:noProof/>
                <w:sz w:val="20"/>
                <w:szCs w:val="20"/>
              </w:rPr>
            </w:pPr>
            <w:r w:rsidRPr="00474E4B">
              <w:rPr>
                <w:b/>
                <w:bCs/>
                <w:sz w:val="20"/>
                <w:szCs w:val="20"/>
              </w:rPr>
              <w:t>Comisii asociate - data anun</w:t>
            </w:r>
            <w:r w:rsidR="00474E4B" w:rsidRPr="00474E4B">
              <w:rPr>
                <w:b/>
                <w:bCs/>
                <w:sz w:val="20"/>
                <w:szCs w:val="20"/>
              </w:rPr>
              <w:t>ț</w:t>
            </w:r>
            <w:r w:rsidRPr="00474E4B">
              <w:rPr>
                <w:b/>
                <w:bCs/>
                <w:sz w:val="20"/>
                <w:szCs w:val="20"/>
              </w:rPr>
              <w:t>ului în plen</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noProof/>
                <w:sz w:val="20"/>
                <w:szCs w:val="20"/>
              </w:rPr>
            </w:pPr>
            <w:r w:rsidRPr="00474E4B">
              <w:rPr>
                <w:sz w:val="20"/>
                <w:szCs w:val="20"/>
              </w:rPr>
              <w:t>5.7.2018</w:t>
            </w:r>
          </w:p>
        </w:tc>
      </w:tr>
      <w:tr w:rsidR="00FB552D" w:rsidRPr="00474E4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b/>
                <w:bCs/>
                <w:noProof/>
                <w:sz w:val="20"/>
                <w:szCs w:val="20"/>
              </w:rPr>
            </w:pPr>
            <w:r w:rsidRPr="00474E4B">
              <w:rPr>
                <w:b/>
                <w:bCs/>
                <w:sz w:val="20"/>
                <w:szCs w:val="20"/>
              </w:rPr>
              <w:t>Raportor/Raportoare pentru aviz:</w:t>
            </w:r>
          </w:p>
          <w:p w:rsidR="00FB552D" w:rsidRPr="00474E4B" w:rsidRDefault="00474E4B">
            <w:pPr>
              <w:widowControl w:val="0"/>
              <w:autoSpaceDE w:val="0"/>
              <w:autoSpaceDN w:val="0"/>
              <w:adjustRightInd w:val="0"/>
              <w:rPr>
                <w:noProof/>
                <w:sz w:val="20"/>
                <w:szCs w:val="20"/>
              </w:rPr>
            </w:pPr>
            <w:r w:rsidRPr="00474E4B">
              <w:rPr>
                <w:sz w:val="20"/>
                <w:szCs w:val="20"/>
              </w:rPr>
              <w:t xml:space="preserve"> </w:t>
            </w:r>
            <w:r w:rsidR="00FB552D" w:rsidRPr="00474E4B">
              <w:rPr>
                <w:sz w:val="20"/>
                <w:szCs w:val="20"/>
              </w:rPr>
              <w:t>Data numiri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noProof/>
                <w:sz w:val="20"/>
                <w:szCs w:val="20"/>
              </w:rPr>
            </w:pPr>
            <w:r w:rsidRPr="00474E4B">
              <w:rPr>
                <w:sz w:val="20"/>
                <w:szCs w:val="20"/>
              </w:rPr>
              <w:t>Wim van de Camp</w:t>
            </w:r>
          </w:p>
          <w:p w:rsidR="00FB552D" w:rsidRPr="00474E4B" w:rsidRDefault="00FB552D">
            <w:pPr>
              <w:widowControl w:val="0"/>
              <w:autoSpaceDE w:val="0"/>
              <w:autoSpaceDN w:val="0"/>
              <w:adjustRightInd w:val="0"/>
              <w:rPr>
                <w:noProof/>
                <w:sz w:val="20"/>
                <w:szCs w:val="20"/>
              </w:rPr>
            </w:pPr>
            <w:r w:rsidRPr="00474E4B">
              <w:rPr>
                <w:sz w:val="20"/>
                <w:szCs w:val="20"/>
              </w:rPr>
              <w:t>3.7.2018</w:t>
            </w:r>
          </w:p>
        </w:tc>
      </w:tr>
      <w:tr w:rsidR="00FB552D" w:rsidRPr="00474E4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b/>
                <w:bCs/>
                <w:noProof/>
                <w:sz w:val="20"/>
                <w:szCs w:val="20"/>
              </w:rPr>
            </w:pPr>
            <w:r w:rsidRPr="00474E4B">
              <w:rPr>
                <w:b/>
                <w:bCs/>
                <w:sz w:val="20"/>
                <w:szCs w:val="20"/>
              </w:rPr>
              <w:t>Articolul 55 – Procedura reuniunilor comune ale comisiilor</w:t>
            </w:r>
          </w:p>
          <w:p w:rsidR="00FB552D" w:rsidRPr="00474E4B" w:rsidRDefault="00474E4B">
            <w:pPr>
              <w:widowControl w:val="0"/>
              <w:autoSpaceDE w:val="0"/>
              <w:autoSpaceDN w:val="0"/>
              <w:adjustRightInd w:val="0"/>
              <w:rPr>
                <w:noProof/>
                <w:sz w:val="20"/>
                <w:szCs w:val="20"/>
              </w:rPr>
            </w:pPr>
            <w:r w:rsidRPr="00474E4B">
              <w:rPr>
                <w:sz w:val="20"/>
                <w:szCs w:val="20"/>
              </w:rPr>
              <w:t xml:space="preserve"> </w:t>
            </w:r>
            <w:r w:rsidR="00FB552D" w:rsidRPr="00474E4B">
              <w:rPr>
                <w:sz w:val="20"/>
                <w:szCs w:val="20"/>
              </w:rPr>
              <w:t>Data anun</w:t>
            </w:r>
            <w:r w:rsidRPr="00474E4B">
              <w:rPr>
                <w:sz w:val="20"/>
                <w:szCs w:val="20"/>
              </w:rPr>
              <w:t>ț</w:t>
            </w:r>
            <w:r w:rsidR="00FB552D" w:rsidRPr="00474E4B">
              <w:rPr>
                <w:sz w:val="20"/>
                <w:szCs w:val="20"/>
              </w:rPr>
              <w:t>ului în pl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B552D" w:rsidRPr="00474E4B" w:rsidRDefault="00474E4B">
            <w:pPr>
              <w:widowControl w:val="0"/>
              <w:autoSpaceDE w:val="0"/>
              <w:autoSpaceDN w:val="0"/>
              <w:adjustRightInd w:val="0"/>
              <w:rPr>
                <w:noProof/>
                <w:sz w:val="20"/>
                <w:szCs w:val="20"/>
              </w:rPr>
            </w:pPr>
            <w:r w:rsidRPr="00474E4B">
              <w:rPr>
                <w:sz w:val="20"/>
                <w:szCs w:val="20"/>
              </w:rPr>
              <w:t xml:space="preserve"> </w:t>
            </w:r>
          </w:p>
          <w:p w:rsidR="00FB552D" w:rsidRPr="00474E4B" w:rsidRDefault="00FB552D">
            <w:pPr>
              <w:widowControl w:val="0"/>
              <w:autoSpaceDE w:val="0"/>
              <w:autoSpaceDN w:val="0"/>
              <w:adjustRightInd w:val="0"/>
              <w:rPr>
                <w:noProof/>
                <w:sz w:val="20"/>
                <w:szCs w:val="20"/>
              </w:rPr>
            </w:pPr>
            <w:r w:rsidRPr="00474E4B">
              <w:rPr>
                <w:sz w:val="20"/>
                <w:szCs w:val="20"/>
              </w:rPr>
              <w:t>5.7.2018</w:t>
            </w:r>
          </w:p>
        </w:tc>
      </w:tr>
      <w:tr w:rsidR="00FB552D" w:rsidRPr="00474E4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b/>
                <w:bCs/>
                <w:noProof/>
                <w:sz w:val="20"/>
                <w:szCs w:val="20"/>
              </w:rPr>
            </w:pPr>
            <w:r w:rsidRPr="00474E4B">
              <w:rPr>
                <w:b/>
                <w:bCs/>
                <w:sz w:val="20"/>
                <w:szCs w:val="20"/>
              </w:rPr>
              <w:t>Data adoptări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B552D" w:rsidRPr="00474E4B" w:rsidRDefault="00FB552D">
            <w:pPr>
              <w:widowControl w:val="0"/>
              <w:autoSpaceDE w:val="0"/>
              <w:autoSpaceDN w:val="0"/>
              <w:adjustRightInd w:val="0"/>
              <w:rPr>
                <w:noProof/>
                <w:sz w:val="20"/>
                <w:szCs w:val="20"/>
              </w:rPr>
            </w:pPr>
            <w:r w:rsidRPr="00474E4B">
              <w:rPr>
                <w:sz w:val="20"/>
                <w:szCs w:val="20"/>
              </w:rPr>
              <w:t>15.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B552D" w:rsidRPr="00474E4B" w:rsidRDefault="00FB552D">
            <w:pPr>
              <w:widowControl w:val="0"/>
              <w:autoSpaceDE w:val="0"/>
              <w:autoSpaceDN w:val="0"/>
              <w:adjustRightInd w:val="0"/>
              <w:rPr>
                <w:rFonts w:ascii="sans-serif" w:hAnsi="sans-serif" w:cs="sans-serif"/>
                <w:noProo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B552D" w:rsidRPr="00474E4B" w:rsidRDefault="00FB552D">
            <w:pPr>
              <w:widowControl w:val="0"/>
              <w:autoSpaceDE w:val="0"/>
              <w:autoSpaceDN w:val="0"/>
              <w:adjustRightInd w:val="0"/>
              <w:rPr>
                <w:rFonts w:ascii="sans-serif" w:hAnsi="sans-serif" w:cs="sans-serif"/>
                <w:noProo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rFonts w:ascii="sans-serif" w:hAnsi="sans-serif" w:cs="sans-serif"/>
                <w:noProof/>
              </w:rPr>
            </w:pPr>
          </w:p>
        </w:tc>
      </w:tr>
      <w:tr w:rsidR="00FB552D" w:rsidRPr="00474E4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b/>
                <w:bCs/>
                <w:noProof/>
                <w:sz w:val="20"/>
                <w:szCs w:val="20"/>
              </w:rPr>
            </w:pPr>
            <w:r w:rsidRPr="00474E4B">
              <w:rPr>
                <w:b/>
                <w:bCs/>
                <w:sz w:val="20"/>
                <w:szCs w:val="20"/>
              </w:rPr>
              <w:t>Rezultatul votului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B552D" w:rsidRPr="00474E4B" w:rsidRDefault="00FB552D">
            <w:pPr>
              <w:widowControl w:val="0"/>
              <w:autoSpaceDE w:val="0"/>
              <w:autoSpaceDN w:val="0"/>
              <w:adjustRightInd w:val="0"/>
              <w:rPr>
                <w:noProof/>
                <w:sz w:val="20"/>
                <w:szCs w:val="20"/>
              </w:rPr>
            </w:pPr>
            <w:r w:rsidRPr="00474E4B">
              <w:rPr>
                <w:sz w:val="20"/>
                <w:szCs w:val="20"/>
              </w:rPr>
              <w:t>+:</w:t>
            </w:r>
          </w:p>
          <w:p w:rsidR="00FB552D" w:rsidRPr="00474E4B" w:rsidRDefault="00FB552D">
            <w:pPr>
              <w:widowControl w:val="0"/>
              <w:autoSpaceDE w:val="0"/>
              <w:autoSpaceDN w:val="0"/>
              <w:adjustRightInd w:val="0"/>
              <w:rPr>
                <w:noProof/>
                <w:sz w:val="20"/>
                <w:szCs w:val="20"/>
              </w:rPr>
            </w:pPr>
            <w:r w:rsidRPr="00474E4B">
              <w:rPr>
                <w:sz w:val="20"/>
                <w:szCs w:val="20"/>
              </w:rPr>
              <w:t>–:</w:t>
            </w:r>
          </w:p>
          <w:p w:rsidR="00FB552D" w:rsidRPr="00474E4B" w:rsidRDefault="00FB552D">
            <w:pPr>
              <w:widowControl w:val="0"/>
              <w:autoSpaceDE w:val="0"/>
              <w:autoSpaceDN w:val="0"/>
              <w:adjustRightInd w:val="0"/>
              <w:rPr>
                <w:noProof/>
                <w:sz w:val="20"/>
                <w:szCs w:val="20"/>
              </w:rPr>
            </w:pPr>
            <w:r w:rsidRPr="00474E4B">
              <w:rPr>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noProof/>
                <w:sz w:val="20"/>
                <w:szCs w:val="20"/>
              </w:rPr>
            </w:pPr>
            <w:r w:rsidRPr="00474E4B">
              <w:rPr>
                <w:sz w:val="20"/>
                <w:szCs w:val="20"/>
              </w:rPr>
              <w:t>29</w:t>
            </w:r>
          </w:p>
          <w:p w:rsidR="00FB552D" w:rsidRPr="00474E4B" w:rsidRDefault="00FB552D">
            <w:pPr>
              <w:widowControl w:val="0"/>
              <w:autoSpaceDE w:val="0"/>
              <w:autoSpaceDN w:val="0"/>
              <w:adjustRightInd w:val="0"/>
              <w:rPr>
                <w:noProof/>
                <w:sz w:val="20"/>
                <w:szCs w:val="20"/>
              </w:rPr>
            </w:pPr>
            <w:r w:rsidRPr="00474E4B">
              <w:rPr>
                <w:sz w:val="20"/>
                <w:szCs w:val="20"/>
              </w:rPr>
              <w:t>13</w:t>
            </w:r>
          </w:p>
          <w:p w:rsidR="00FB552D" w:rsidRPr="00474E4B" w:rsidRDefault="00FB552D">
            <w:pPr>
              <w:widowControl w:val="0"/>
              <w:autoSpaceDE w:val="0"/>
              <w:autoSpaceDN w:val="0"/>
              <w:adjustRightInd w:val="0"/>
              <w:rPr>
                <w:noProof/>
                <w:sz w:val="20"/>
                <w:szCs w:val="20"/>
              </w:rPr>
            </w:pPr>
            <w:r w:rsidRPr="00474E4B">
              <w:rPr>
                <w:sz w:val="20"/>
                <w:szCs w:val="20"/>
              </w:rPr>
              <w:t>5</w:t>
            </w:r>
          </w:p>
        </w:tc>
      </w:tr>
      <w:tr w:rsidR="00FB552D" w:rsidRPr="00474E4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b/>
                <w:bCs/>
                <w:noProof/>
                <w:sz w:val="20"/>
                <w:szCs w:val="20"/>
              </w:rPr>
            </w:pPr>
            <w:r w:rsidRPr="00474E4B">
              <w:rPr>
                <w:b/>
                <w:bCs/>
                <w:sz w:val="20"/>
                <w:szCs w:val="20"/>
              </w:rPr>
              <w:t>Membri titulari prezen</w:t>
            </w:r>
            <w:r w:rsidR="00474E4B" w:rsidRPr="00474E4B">
              <w:rPr>
                <w:b/>
                <w:bCs/>
                <w:sz w:val="20"/>
                <w:szCs w:val="20"/>
              </w:rPr>
              <w:t>ț</w:t>
            </w:r>
            <w:r w:rsidRPr="00474E4B">
              <w:rPr>
                <w:b/>
                <w:bCs/>
                <w:sz w:val="20"/>
                <w:szCs w:val="20"/>
              </w:rPr>
              <w:t>i la votul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noProof/>
                <w:sz w:val="20"/>
                <w:szCs w:val="20"/>
              </w:rPr>
            </w:pPr>
            <w:r w:rsidRPr="00474E4B">
              <w:rPr>
                <w:sz w:val="20"/>
                <w:szCs w:val="20"/>
              </w:rPr>
              <w:t xml:space="preserve">Daniela Aiuto, Lucy Anderson, Marie-Christine Arnautu, Inés Ayala Sender, Georges Bach, Izaskun Bilbao Barandica, Michael Cramer, Luis de Grandes Pascual, Andor Deli, Karima Delli, Isabella De Monte, Ismail Ertug, Tania González Peñas, Dieter-Lebrecht Koch, Miltiadis Kyrkos, Innocenzo Leontini, Bogusław Liberadzki, Peter Lundgren, Marian-Jean Marinescu, Georg Mayer, Gesine Meissner, Renaud Muselier, Markus Pieper, Gabriele Preuß, Christine Revault d’Allonnes Bonnefoy, Dominique Riquet, Massimiliano Salini, Jill Seymour, Claudia </w:t>
            </w:r>
            <w:r w:rsidR="00474E4B" w:rsidRPr="00474E4B">
              <w:rPr>
                <w:sz w:val="20"/>
                <w:szCs w:val="20"/>
              </w:rPr>
              <w:t>Ț</w:t>
            </w:r>
            <w:r w:rsidRPr="00474E4B">
              <w:rPr>
                <w:sz w:val="20"/>
                <w:szCs w:val="20"/>
              </w:rPr>
              <w:t>apardel, Keith Taylor, Pavel Telička, István Ujhelyi, Wim van de Camp, Kosma Złotowski</w:t>
            </w:r>
          </w:p>
        </w:tc>
      </w:tr>
      <w:tr w:rsidR="00FB552D" w:rsidRPr="00474E4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b/>
                <w:bCs/>
                <w:noProof/>
                <w:sz w:val="20"/>
                <w:szCs w:val="20"/>
              </w:rPr>
            </w:pPr>
            <w:r w:rsidRPr="00474E4B">
              <w:rPr>
                <w:b/>
                <w:bCs/>
                <w:sz w:val="20"/>
                <w:szCs w:val="20"/>
              </w:rPr>
              <w:t>Membri suplean</w:t>
            </w:r>
            <w:r w:rsidR="00474E4B" w:rsidRPr="00474E4B">
              <w:rPr>
                <w:b/>
                <w:bCs/>
                <w:sz w:val="20"/>
                <w:szCs w:val="20"/>
              </w:rPr>
              <w:t>ț</w:t>
            </w:r>
            <w:r w:rsidRPr="00474E4B">
              <w:rPr>
                <w:b/>
                <w:bCs/>
                <w:sz w:val="20"/>
                <w:szCs w:val="20"/>
              </w:rPr>
              <w:t>i prezen</w:t>
            </w:r>
            <w:r w:rsidR="00474E4B" w:rsidRPr="00474E4B">
              <w:rPr>
                <w:b/>
                <w:bCs/>
                <w:sz w:val="20"/>
                <w:szCs w:val="20"/>
              </w:rPr>
              <w:t>ț</w:t>
            </w:r>
            <w:r w:rsidRPr="00474E4B">
              <w:rPr>
                <w:b/>
                <w:bCs/>
                <w:sz w:val="20"/>
                <w:szCs w:val="20"/>
              </w:rPr>
              <w:t>i la votul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noProof/>
                <w:sz w:val="20"/>
                <w:szCs w:val="20"/>
              </w:rPr>
            </w:pPr>
            <w:r w:rsidRPr="00474E4B">
              <w:rPr>
                <w:sz w:val="20"/>
                <w:szCs w:val="20"/>
              </w:rPr>
              <w:t>Francisco Assis, Daniel Dalton, Stefan Gehrold, Maria Grapini, Bolesław G. Piecha, Inmaculada Rodríguez-Piñero Fernández, Anders Sellström, Henna Virkkunen</w:t>
            </w:r>
          </w:p>
        </w:tc>
      </w:tr>
      <w:tr w:rsidR="00FB552D" w:rsidRPr="00474E4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b/>
                <w:bCs/>
                <w:noProof/>
                <w:sz w:val="20"/>
                <w:szCs w:val="20"/>
              </w:rPr>
            </w:pPr>
            <w:r w:rsidRPr="00474E4B">
              <w:rPr>
                <w:b/>
                <w:bCs/>
                <w:sz w:val="20"/>
                <w:szCs w:val="20"/>
              </w:rPr>
              <w:t>Membri suplean</w:t>
            </w:r>
            <w:r w:rsidR="00474E4B" w:rsidRPr="00474E4B">
              <w:rPr>
                <w:b/>
                <w:bCs/>
                <w:sz w:val="20"/>
                <w:szCs w:val="20"/>
              </w:rPr>
              <w:t>ț</w:t>
            </w:r>
            <w:r w:rsidRPr="00474E4B">
              <w:rPr>
                <w:b/>
                <w:bCs/>
                <w:sz w:val="20"/>
                <w:szCs w:val="20"/>
              </w:rPr>
              <w:t>i [articolul 200 alineatul (2)] prezen</w:t>
            </w:r>
            <w:r w:rsidR="00474E4B" w:rsidRPr="00474E4B">
              <w:rPr>
                <w:b/>
                <w:bCs/>
                <w:sz w:val="20"/>
                <w:szCs w:val="20"/>
              </w:rPr>
              <w:t>ț</w:t>
            </w:r>
            <w:r w:rsidRPr="00474E4B">
              <w:rPr>
                <w:b/>
                <w:bCs/>
                <w:sz w:val="20"/>
                <w:szCs w:val="20"/>
              </w:rPr>
              <w:t>i la votul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B552D" w:rsidRPr="00474E4B" w:rsidRDefault="00FB552D">
            <w:pPr>
              <w:widowControl w:val="0"/>
              <w:autoSpaceDE w:val="0"/>
              <w:autoSpaceDN w:val="0"/>
              <w:adjustRightInd w:val="0"/>
              <w:rPr>
                <w:noProof/>
                <w:sz w:val="20"/>
                <w:szCs w:val="20"/>
              </w:rPr>
            </w:pPr>
            <w:r w:rsidRPr="00474E4B">
              <w:rPr>
                <w:sz w:val="20"/>
                <w:szCs w:val="20"/>
              </w:rPr>
              <w:t>Heinz K. Becker, Edward Czesak, Jiří Maštálka, Theodor Dumitru Stolojan, Richard Sulík</w:t>
            </w:r>
          </w:p>
        </w:tc>
      </w:tr>
    </w:tbl>
    <w:p w:rsidR="00FB552D" w:rsidRPr="00474E4B" w:rsidRDefault="00FB552D">
      <w:pPr>
        <w:widowControl w:val="0"/>
        <w:autoSpaceDE w:val="0"/>
        <w:autoSpaceDN w:val="0"/>
        <w:adjustRightInd w:val="0"/>
        <w:rPr>
          <w:rFonts w:ascii="Arial" w:hAnsi="Arial" w:cs="Arial"/>
          <w:noProof/>
        </w:rPr>
      </w:pPr>
    </w:p>
    <w:bookmarkEnd w:id="4"/>
    <w:p w:rsidR="00CC45A9" w:rsidRPr="00474E4B" w:rsidRDefault="00CC45A9" w:rsidP="00FB552D">
      <w:pPr>
        <w:pStyle w:val="PageHeadingNotTOC"/>
        <w:rPr>
          <w:noProof/>
        </w:rPr>
      </w:pPr>
      <w:r w:rsidRPr="00474E4B">
        <w:br w:type="page"/>
      </w:r>
      <w:bookmarkStart w:id="5" w:name="RollCallPageAD"/>
      <w:r w:rsidRPr="00474E4B">
        <w:lastRenderedPageBreak/>
        <w:t xml:space="preserve">VOT FINAL PRIN APEL NOMINAL </w:t>
      </w:r>
      <w:r w:rsidRPr="00474E4B">
        <w:br/>
        <w:t xml:space="preserve">ÎN COMISIA SESIZATĂ PENTRU AVIZ </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C45A9" w:rsidRPr="00474E4B" w:rsidTr="001D1851">
        <w:trPr>
          <w:cantSplit/>
        </w:trPr>
        <w:tc>
          <w:tcPr>
            <w:tcW w:w="1701" w:type="dxa"/>
            <w:shd w:val="pct10" w:color="000000" w:fill="FFFFFF"/>
            <w:vAlign w:val="center"/>
          </w:tcPr>
          <w:p w:rsidR="00CC45A9" w:rsidRPr="00474E4B" w:rsidRDefault="00CC45A9" w:rsidP="001D1851">
            <w:pPr>
              <w:spacing w:before="120" w:after="120"/>
              <w:jc w:val="center"/>
              <w:rPr>
                <w:b/>
                <w:noProof/>
                <w:sz w:val="20"/>
              </w:rPr>
            </w:pPr>
            <w:r w:rsidRPr="00474E4B">
              <w:rPr>
                <w:b/>
                <w:sz w:val="20"/>
              </w:rPr>
              <w:t>29</w:t>
            </w:r>
            <w:bookmarkStart w:id="6" w:name="DocEPLastPosition"/>
            <w:bookmarkEnd w:id="6"/>
          </w:p>
        </w:tc>
        <w:tc>
          <w:tcPr>
            <w:tcW w:w="7371" w:type="dxa"/>
            <w:shd w:val="pct10" w:color="000000" w:fill="FFFFFF"/>
          </w:tcPr>
          <w:p w:rsidR="00CC45A9" w:rsidRPr="00474E4B" w:rsidRDefault="00CC45A9" w:rsidP="001D1851">
            <w:pPr>
              <w:spacing w:before="120" w:after="120"/>
              <w:jc w:val="center"/>
              <w:rPr>
                <w:rFonts w:ascii="Arial" w:hAnsi="Arial" w:cs="Arial"/>
                <w:b/>
                <w:noProof/>
                <w:sz w:val="28"/>
                <w:szCs w:val="28"/>
              </w:rPr>
            </w:pPr>
            <w:r w:rsidRPr="00474E4B">
              <w:rPr>
                <w:rFonts w:ascii="Arial" w:hAnsi="Arial"/>
                <w:b/>
                <w:sz w:val="28"/>
                <w:szCs w:val="28"/>
              </w:rPr>
              <w:t>+</w:t>
            </w:r>
          </w:p>
        </w:tc>
      </w:tr>
      <w:tr w:rsidR="00CC45A9" w:rsidRPr="00474E4B" w:rsidTr="001D1851">
        <w:trPr>
          <w:cantSplit/>
        </w:trPr>
        <w:tc>
          <w:tcPr>
            <w:tcW w:w="1701" w:type="dxa"/>
            <w:shd w:val="clear" w:color="auto" w:fill="FFFFFF"/>
          </w:tcPr>
          <w:p w:rsidR="00CC45A9" w:rsidRPr="00474E4B" w:rsidRDefault="00CC45A9" w:rsidP="001D1851">
            <w:pPr>
              <w:spacing w:before="120" w:after="120"/>
              <w:rPr>
                <w:noProof/>
                <w:sz w:val="20"/>
              </w:rPr>
            </w:pPr>
            <w:r w:rsidRPr="00474E4B">
              <w:rPr>
                <w:sz w:val="20"/>
              </w:rPr>
              <w:t>ALDE</w:t>
            </w:r>
          </w:p>
        </w:tc>
        <w:tc>
          <w:tcPr>
            <w:tcW w:w="7371" w:type="dxa"/>
            <w:shd w:val="clear" w:color="auto" w:fill="FFFFFF"/>
          </w:tcPr>
          <w:p w:rsidR="00CC45A9" w:rsidRPr="00474E4B" w:rsidRDefault="00CC45A9" w:rsidP="001D1851">
            <w:pPr>
              <w:spacing w:before="120" w:after="120"/>
              <w:rPr>
                <w:noProof/>
                <w:sz w:val="20"/>
              </w:rPr>
            </w:pPr>
            <w:r w:rsidRPr="00474E4B">
              <w:rPr>
                <w:sz w:val="20"/>
              </w:rPr>
              <w:t>Izaskun Bilbao Barandica, Gesine Meissner, Dominique Riquet, Pavel Telička</w:t>
            </w:r>
          </w:p>
        </w:tc>
      </w:tr>
      <w:tr w:rsidR="00CC45A9" w:rsidRPr="00474E4B" w:rsidTr="001D1851">
        <w:trPr>
          <w:cantSplit/>
        </w:trPr>
        <w:tc>
          <w:tcPr>
            <w:tcW w:w="1701" w:type="dxa"/>
            <w:shd w:val="clear" w:color="auto" w:fill="FFFFFF"/>
          </w:tcPr>
          <w:p w:rsidR="00CC45A9" w:rsidRPr="00474E4B" w:rsidRDefault="00CC45A9" w:rsidP="001D1851">
            <w:pPr>
              <w:spacing w:before="120" w:after="120"/>
              <w:rPr>
                <w:noProof/>
                <w:sz w:val="20"/>
              </w:rPr>
            </w:pPr>
            <w:r w:rsidRPr="00474E4B">
              <w:rPr>
                <w:sz w:val="20"/>
              </w:rPr>
              <w:t>ECR</w:t>
            </w:r>
          </w:p>
        </w:tc>
        <w:tc>
          <w:tcPr>
            <w:tcW w:w="7371" w:type="dxa"/>
            <w:shd w:val="clear" w:color="auto" w:fill="FFFFFF"/>
          </w:tcPr>
          <w:p w:rsidR="00CC45A9" w:rsidRPr="00474E4B" w:rsidRDefault="00CC45A9" w:rsidP="001D1851">
            <w:pPr>
              <w:spacing w:before="120" w:after="120"/>
              <w:rPr>
                <w:noProof/>
                <w:sz w:val="20"/>
              </w:rPr>
            </w:pPr>
            <w:r w:rsidRPr="00474E4B">
              <w:rPr>
                <w:sz w:val="20"/>
              </w:rPr>
              <w:t>Edward Czesak, Daniel Dalton, Bolesław G. Piecha, Richard Sulík, Kosma Złotowski</w:t>
            </w:r>
          </w:p>
        </w:tc>
      </w:tr>
      <w:tr w:rsidR="00CC45A9" w:rsidRPr="00474E4B" w:rsidTr="001D1851">
        <w:trPr>
          <w:cantSplit/>
        </w:trPr>
        <w:tc>
          <w:tcPr>
            <w:tcW w:w="1701" w:type="dxa"/>
            <w:shd w:val="clear" w:color="auto" w:fill="FFFFFF"/>
          </w:tcPr>
          <w:p w:rsidR="00CC45A9" w:rsidRPr="00474E4B" w:rsidRDefault="00CC45A9" w:rsidP="001D1851">
            <w:pPr>
              <w:spacing w:before="120" w:after="120"/>
              <w:rPr>
                <w:noProof/>
                <w:sz w:val="20"/>
              </w:rPr>
            </w:pPr>
            <w:r w:rsidRPr="00474E4B">
              <w:rPr>
                <w:sz w:val="20"/>
              </w:rPr>
              <w:t>ENF</w:t>
            </w:r>
          </w:p>
        </w:tc>
        <w:tc>
          <w:tcPr>
            <w:tcW w:w="7371" w:type="dxa"/>
            <w:shd w:val="clear" w:color="auto" w:fill="FFFFFF"/>
          </w:tcPr>
          <w:p w:rsidR="00CC45A9" w:rsidRPr="00474E4B" w:rsidRDefault="00CC45A9" w:rsidP="001D1851">
            <w:pPr>
              <w:spacing w:before="120" w:after="120"/>
              <w:rPr>
                <w:noProof/>
                <w:sz w:val="20"/>
              </w:rPr>
            </w:pPr>
            <w:r w:rsidRPr="00474E4B">
              <w:rPr>
                <w:sz w:val="20"/>
              </w:rPr>
              <w:t>Georg Mayer</w:t>
            </w:r>
          </w:p>
        </w:tc>
      </w:tr>
      <w:tr w:rsidR="00CC45A9" w:rsidRPr="00474E4B" w:rsidTr="001D1851">
        <w:trPr>
          <w:cantSplit/>
        </w:trPr>
        <w:tc>
          <w:tcPr>
            <w:tcW w:w="1701" w:type="dxa"/>
            <w:shd w:val="clear" w:color="auto" w:fill="FFFFFF"/>
          </w:tcPr>
          <w:p w:rsidR="00CC45A9" w:rsidRPr="00474E4B" w:rsidRDefault="00CC45A9" w:rsidP="001D1851">
            <w:pPr>
              <w:spacing w:before="120" w:after="120"/>
              <w:rPr>
                <w:noProof/>
                <w:sz w:val="20"/>
              </w:rPr>
            </w:pPr>
            <w:r w:rsidRPr="00474E4B">
              <w:rPr>
                <w:sz w:val="20"/>
              </w:rPr>
              <w:t>GUE/NGL</w:t>
            </w:r>
          </w:p>
        </w:tc>
        <w:tc>
          <w:tcPr>
            <w:tcW w:w="7371" w:type="dxa"/>
            <w:shd w:val="clear" w:color="auto" w:fill="FFFFFF"/>
          </w:tcPr>
          <w:p w:rsidR="00CC45A9" w:rsidRPr="00474E4B" w:rsidRDefault="00CC45A9" w:rsidP="001D1851">
            <w:pPr>
              <w:spacing w:before="120" w:after="120"/>
              <w:rPr>
                <w:noProof/>
                <w:sz w:val="20"/>
              </w:rPr>
            </w:pPr>
            <w:r w:rsidRPr="00474E4B">
              <w:rPr>
                <w:sz w:val="20"/>
              </w:rPr>
              <w:t>Tania González Peñas, Jiří Maštálka</w:t>
            </w:r>
          </w:p>
        </w:tc>
      </w:tr>
      <w:tr w:rsidR="00CC45A9" w:rsidRPr="00474E4B" w:rsidTr="001D1851">
        <w:trPr>
          <w:cantSplit/>
        </w:trPr>
        <w:tc>
          <w:tcPr>
            <w:tcW w:w="1701" w:type="dxa"/>
            <w:shd w:val="clear" w:color="auto" w:fill="FFFFFF"/>
          </w:tcPr>
          <w:p w:rsidR="00CC45A9" w:rsidRPr="00474E4B" w:rsidRDefault="00CC45A9" w:rsidP="001D1851">
            <w:pPr>
              <w:spacing w:before="120" w:after="120"/>
              <w:rPr>
                <w:noProof/>
                <w:sz w:val="20"/>
              </w:rPr>
            </w:pPr>
            <w:r w:rsidRPr="00474E4B">
              <w:rPr>
                <w:sz w:val="20"/>
              </w:rPr>
              <w:t>PPE</w:t>
            </w:r>
          </w:p>
        </w:tc>
        <w:tc>
          <w:tcPr>
            <w:tcW w:w="7371" w:type="dxa"/>
            <w:shd w:val="clear" w:color="auto" w:fill="FFFFFF"/>
          </w:tcPr>
          <w:p w:rsidR="00CC45A9" w:rsidRPr="00474E4B" w:rsidRDefault="00CC45A9" w:rsidP="001D1851">
            <w:pPr>
              <w:spacing w:before="120" w:after="120"/>
              <w:rPr>
                <w:noProof/>
                <w:sz w:val="20"/>
              </w:rPr>
            </w:pPr>
            <w:r w:rsidRPr="00474E4B">
              <w:rPr>
                <w:sz w:val="20"/>
              </w:rPr>
              <w:t>Georges Bach, Heinz K. Becker, Andor Deli, Stefan Gehrold, Dieter-Lebrecht Koch, Innocenzo Leontini, Marian-Jean Marinescu, Renaud Muselier, Markus Pieper, Massimiliano Salini, Anders Sellström, Theodor Dumitru Stolojan, Henna Virkkunen, Luis de Grandes Pascual, Wim van de Camp</w:t>
            </w:r>
          </w:p>
        </w:tc>
      </w:tr>
      <w:tr w:rsidR="00CC45A9" w:rsidRPr="00474E4B" w:rsidTr="001D1851">
        <w:trPr>
          <w:cantSplit/>
        </w:trPr>
        <w:tc>
          <w:tcPr>
            <w:tcW w:w="1701" w:type="dxa"/>
            <w:shd w:val="clear" w:color="auto" w:fill="FFFFFF"/>
          </w:tcPr>
          <w:p w:rsidR="00CC45A9" w:rsidRPr="00474E4B" w:rsidRDefault="00CC45A9" w:rsidP="001D1851">
            <w:pPr>
              <w:spacing w:before="120" w:after="120"/>
              <w:rPr>
                <w:noProof/>
                <w:sz w:val="20"/>
              </w:rPr>
            </w:pPr>
            <w:r w:rsidRPr="00474E4B">
              <w:rPr>
                <w:sz w:val="20"/>
              </w:rPr>
              <w:t>S&amp;D</w:t>
            </w:r>
          </w:p>
        </w:tc>
        <w:tc>
          <w:tcPr>
            <w:tcW w:w="7371" w:type="dxa"/>
            <w:shd w:val="clear" w:color="auto" w:fill="FFFFFF"/>
          </w:tcPr>
          <w:p w:rsidR="00CC45A9" w:rsidRPr="00474E4B" w:rsidRDefault="00CC45A9" w:rsidP="001D1851">
            <w:pPr>
              <w:spacing w:before="120" w:after="120"/>
              <w:rPr>
                <w:noProof/>
                <w:sz w:val="20"/>
              </w:rPr>
            </w:pPr>
            <w:r w:rsidRPr="00474E4B">
              <w:rPr>
                <w:sz w:val="20"/>
              </w:rPr>
              <w:t>Isabella De Monte, Maria Grapini</w:t>
            </w:r>
          </w:p>
        </w:tc>
      </w:tr>
    </w:tbl>
    <w:p w:rsidR="00CC45A9" w:rsidRPr="00474E4B" w:rsidRDefault="00CC45A9" w:rsidP="00CC45A9">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C45A9" w:rsidRPr="00474E4B" w:rsidTr="001D1851">
        <w:trPr>
          <w:cantSplit/>
        </w:trPr>
        <w:tc>
          <w:tcPr>
            <w:tcW w:w="1701" w:type="dxa"/>
            <w:shd w:val="pct10" w:color="000000" w:fill="FFFFFF"/>
            <w:vAlign w:val="center"/>
          </w:tcPr>
          <w:p w:rsidR="00CC45A9" w:rsidRPr="00474E4B" w:rsidRDefault="00CC45A9" w:rsidP="001D1851">
            <w:pPr>
              <w:spacing w:before="120" w:after="120"/>
              <w:jc w:val="center"/>
              <w:rPr>
                <w:b/>
                <w:noProof/>
                <w:sz w:val="16"/>
              </w:rPr>
            </w:pPr>
            <w:r w:rsidRPr="00474E4B">
              <w:rPr>
                <w:b/>
                <w:sz w:val="20"/>
              </w:rPr>
              <w:t>13</w:t>
            </w:r>
          </w:p>
        </w:tc>
        <w:tc>
          <w:tcPr>
            <w:tcW w:w="7371" w:type="dxa"/>
            <w:shd w:val="pct10" w:color="000000" w:fill="FFFFFF"/>
          </w:tcPr>
          <w:p w:rsidR="00CC45A9" w:rsidRPr="00474E4B" w:rsidRDefault="00CC45A9" w:rsidP="001D1851">
            <w:pPr>
              <w:spacing w:before="120" w:after="120"/>
              <w:jc w:val="center"/>
              <w:rPr>
                <w:noProof/>
                <w:sz w:val="28"/>
                <w:szCs w:val="28"/>
              </w:rPr>
            </w:pPr>
            <w:r w:rsidRPr="00474E4B">
              <w:rPr>
                <w:rFonts w:ascii="Arial" w:hAnsi="Arial"/>
                <w:b/>
                <w:sz w:val="28"/>
                <w:szCs w:val="28"/>
              </w:rPr>
              <w:t>-</w:t>
            </w:r>
          </w:p>
        </w:tc>
      </w:tr>
      <w:tr w:rsidR="00CC45A9" w:rsidRPr="00474E4B" w:rsidTr="001D1851">
        <w:trPr>
          <w:cantSplit/>
        </w:trPr>
        <w:tc>
          <w:tcPr>
            <w:tcW w:w="1701" w:type="dxa"/>
            <w:shd w:val="clear" w:color="auto" w:fill="FFFFFF"/>
          </w:tcPr>
          <w:p w:rsidR="00CC45A9" w:rsidRPr="00474E4B" w:rsidRDefault="00CC45A9" w:rsidP="001D1851">
            <w:pPr>
              <w:spacing w:before="120" w:after="120"/>
              <w:rPr>
                <w:noProof/>
                <w:sz w:val="20"/>
              </w:rPr>
            </w:pPr>
            <w:r w:rsidRPr="00474E4B">
              <w:rPr>
                <w:sz w:val="20"/>
              </w:rPr>
              <w:t>ECR</w:t>
            </w:r>
          </w:p>
        </w:tc>
        <w:tc>
          <w:tcPr>
            <w:tcW w:w="7371" w:type="dxa"/>
            <w:shd w:val="clear" w:color="auto" w:fill="FFFFFF"/>
          </w:tcPr>
          <w:p w:rsidR="00CC45A9" w:rsidRPr="00474E4B" w:rsidRDefault="00CC45A9" w:rsidP="001D1851">
            <w:pPr>
              <w:spacing w:before="120" w:after="120"/>
              <w:rPr>
                <w:noProof/>
                <w:sz w:val="20"/>
              </w:rPr>
            </w:pPr>
            <w:r w:rsidRPr="00474E4B">
              <w:rPr>
                <w:sz w:val="20"/>
              </w:rPr>
              <w:t>Peter Lundgren</w:t>
            </w:r>
          </w:p>
        </w:tc>
      </w:tr>
      <w:tr w:rsidR="00CC45A9" w:rsidRPr="00474E4B" w:rsidTr="001D1851">
        <w:trPr>
          <w:cantSplit/>
        </w:trPr>
        <w:tc>
          <w:tcPr>
            <w:tcW w:w="1701" w:type="dxa"/>
            <w:shd w:val="clear" w:color="auto" w:fill="FFFFFF"/>
          </w:tcPr>
          <w:p w:rsidR="00CC45A9" w:rsidRPr="00474E4B" w:rsidRDefault="00CC45A9" w:rsidP="001D1851">
            <w:pPr>
              <w:spacing w:before="120" w:after="120"/>
              <w:rPr>
                <w:noProof/>
                <w:sz w:val="20"/>
              </w:rPr>
            </w:pPr>
            <w:r w:rsidRPr="00474E4B">
              <w:rPr>
                <w:sz w:val="20"/>
              </w:rPr>
              <w:t>EFDD</w:t>
            </w:r>
          </w:p>
        </w:tc>
        <w:tc>
          <w:tcPr>
            <w:tcW w:w="7371" w:type="dxa"/>
            <w:shd w:val="clear" w:color="auto" w:fill="FFFFFF"/>
          </w:tcPr>
          <w:p w:rsidR="00CC45A9" w:rsidRPr="00474E4B" w:rsidRDefault="00CC45A9" w:rsidP="001D1851">
            <w:pPr>
              <w:spacing w:before="120" w:after="120"/>
              <w:rPr>
                <w:noProof/>
                <w:sz w:val="20"/>
              </w:rPr>
            </w:pPr>
            <w:r w:rsidRPr="00474E4B">
              <w:rPr>
                <w:sz w:val="20"/>
              </w:rPr>
              <w:t>Daniela Aiuto, Jill Seymour</w:t>
            </w:r>
          </w:p>
        </w:tc>
      </w:tr>
      <w:tr w:rsidR="00CC45A9" w:rsidRPr="00474E4B" w:rsidTr="001D1851">
        <w:trPr>
          <w:cantSplit/>
        </w:trPr>
        <w:tc>
          <w:tcPr>
            <w:tcW w:w="1701" w:type="dxa"/>
            <w:shd w:val="clear" w:color="auto" w:fill="FFFFFF"/>
          </w:tcPr>
          <w:p w:rsidR="00CC45A9" w:rsidRPr="00474E4B" w:rsidRDefault="00CC45A9" w:rsidP="001D1851">
            <w:pPr>
              <w:spacing w:before="120" w:after="120"/>
              <w:rPr>
                <w:noProof/>
                <w:sz w:val="20"/>
              </w:rPr>
            </w:pPr>
            <w:r w:rsidRPr="00474E4B">
              <w:rPr>
                <w:sz w:val="20"/>
              </w:rPr>
              <w:t>ENF</w:t>
            </w:r>
          </w:p>
        </w:tc>
        <w:tc>
          <w:tcPr>
            <w:tcW w:w="7371" w:type="dxa"/>
            <w:shd w:val="clear" w:color="auto" w:fill="FFFFFF"/>
          </w:tcPr>
          <w:p w:rsidR="00CC45A9" w:rsidRPr="00474E4B" w:rsidRDefault="00CC45A9" w:rsidP="001D1851">
            <w:pPr>
              <w:spacing w:before="120" w:after="120"/>
              <w:rPr>
                <w:noProof/>
                <w:sz w:val="20"/>
              </w:rPr>
            </w:pPr>
            <w:r w:rsidRPr="00474E4B">
              <w:rPr>
                <w:sz w:val="20"/>
              </w:rPr>
              <w:t>Marie-Christine Arnautu</w:t>
            </w:r>
          </w:p>
        </w:tc>
      </w:tr>
      <w:tr w:rsidR="00CC45A9" w:rsidRPr="00474E4B" w:rsidTr="001D1851">
        <w:trPr>
          <w:cantSplit/>
        </w:trPr>
        <w:tc>
          <w:tcPr>
            <w:tcW w:w="1701" w:type="dxa"/>
            <w:shd w:val="clear" w:color="auto" w:fill="FFFFFF"/>
          </w:tcPr>
          <w:p w:rsidR="00CC45A9" w:rsidRPr="00474E4B" w:rsidRDefault="00CC45A9" w:rsidP="001D1851">
            <w:pPr>
              <w:spacing w:before="120" w:after="120"/>
              <w:rPr>
                <w:noProof/>
                <w:sz w:val="20"/>
              </w:rPr>
            </w:pPr>
            <w:r w:rsidRPr="00474E4B">
              <w:rPr>
                <w:sz w:val="20"/>
              </w:rPr>
              <w:t>S&amp;D</w:t>
            </w:r>
          </w:p>
        </w:tc>
        <w:tc>
          <w:tcPr>
            <w:tcW w:w="7371" w:type="dxa"/>
            <w:shd w:val="clear" w:color="auto" w:fill="FFFFFF"/>
          </w:tcPr>
          <w:p w:rsidR="00CC45A9" w:rsidRPr="00474E4B" w:rsidRDefault="00CC45A9" w:rsidP="001D1851">
            <w:pPr>
              <w:spacing w:before="120" w:after="120"/>
              <w:rPr>
                <w:noProof/>
                <w:sz w:val="20"/>
              </w:rPr>
            </w:pPr>
            <w:r w:rsidRPr="00474E4B">
              <w:rPr>
                <w:sz w:val="20"/>
              </w:rPr>
              <w:t>Lucy Anderson, Ismail Ertug, Bogusław Liberadzki, Gabriele Preuß, Christine Revault d'Allonnes Bonnefoy, István Ujhelyi</w:t>
            </w:r>
          </w:p>
        </w:tc>
      </w:tr>
      <w:tr w:rsidR="00CC45A9" w:rsidRPr="00474E4B" w:rsidTr="001D1851">
        <w:trPr>
          <w:cantSplit/>
        </w:trPr>
        <w:tc>
          <w:tcPr>
            <w:tcW w:w="1701" w:type="dxa"/>
            <w:shd w:val="clear" w:color="auto" w:fill="FFFFFF"/>
          </w:tcPr>
          <w:p w:rsidR="00CC45A9" w:rsidRPr="00474E4B" w:rsidRDefault="00CC45A9" w:rsidP="001D1851">
            <w:pPr>
              <w:spacing w:before="120" w:after="120"/>
              <w:rPr>
                <w:noProof/>
                <w:sz w:val="20"/>
              </w:rPr>
            </w:pPr>
            <w:r w:rsidRPr="00474E4B">
              <w:rPr>
                <w:sz w:val="20"/>
              </w:rPr>
              <w:t>VERTS/ALE</w:t>
            </w:r>
          </w:p>
        </w:tc>
        <w:tc>
          <w:tcPr>
            <w:tcW w:w="7371" w:type="dxa"/>
            <w:shd w:val="clear" w:color="auto" w:fill="FFFFFF"/>
          </w:tcPr>
          <w:p w:rsidR="00CC45A9" w:rsidRPr="00474E4B" w:rsidRDefault="00CC45A9" w:rsidP="001D1851">
            <w:pPr>
              <w:spacing w:before="120" w:after="120"/>
              <w:rPr>
                <w:noProof/>
                <w:sz w:val="20"/>
              </w:rPr>
            </w:pPr>
            <w:r w:rsidRPr="00474E4B">
              <w:rPr>
                <w:sz w:val="20"/>
              </w:rPr>
              <w:t>Michael Cramer, Karima Delli, Keith Taylor</w:t>
            </w:r>
          </w:p>
        </w:tc>
      </w:tr>
    </w:tbl>
    <w:p w:rsidR="00CC45A9" w:rsidRPr="00474E4B" w:rsidRDefault="00CC45A9" w:rsidP="00CC45A9">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C45A9" w:rsidRPr="00474E4B" w:rsidTr="001D1851">
        <w:trPr>
          <w:cantSplit/>
        </w:trPr>
        <w:tc>
          <w:tcPr>
            <w:tcW w:w="1701" w:type="dxa"/>
            <w:shd w:val="pct10" w:color="000000" w:fill="FFFFFF"/>
            <w:vAlign w:val="center"/>
          </w:tcPr>
          <w:p w:rsidR="00CC45A9" w:rsidRPr="00474E4B" w:rsidRDefault="00CC45A9" w:rsidP="001D1851">
            <w:pPr>
              <w:spacing w:before="120" w:after="120"/>
              <w:jc w:val="center"/>
              <w:rPr>
                <w:b/>
                <w:noProof/>
                <w:sz w:val="16"/>
              </w:rPr>
            </w:pPr>
            <w:r w:rsidRPr="00474E4B">
              <w:rPr>
                <w:b/>
                <w:sz w:val="20"/>
              </w:rPr>
              <w:t>5</w:t>
            </w:r>
          </w:p>
        </w:tc>
        <w:tc>
          <w:tcPr>
            <w:tcW w:w="7371" w:type="dxa"/>
            <w:shd w:val="pct10" w:color="000000" w:fill="FFFFFF"/>
          </w:tcPr>
          <w:p w:rsidR="00CC45A9" w:rsidRPr="00474E4B" w:rsidRDefault="00CC45A9" w:rsidP="001D1851">
            <w:pPr>
              <w:spacing w:before="120" w:after="120"/>
              <w:jc w:val="center"/>
              <w:rPr>
                <w:noProof/>
                <w:sz w:val="28"/>
                <w:szCs w:val="28"/>
              </w:rPr>
            </w:pPr>
            <w:r w:rsidRPr="00474E4B">
              <w:rPr>
                <w:rFonts w:ascii="Arial" w:hAnsi="Arial"/>
                <w:b/>
                <w:sz w:val="28"/>
                <w:szCs w:val="28"/>
              </w:rPr>
              <w:t>0</w:t>
            </w:r>
          </w:p>
        </w:tc>
      </w:tr>
      <w:tr w:rsidR="00CC45A9" w:rsidRPr="00474E4B" w:rsidTr="001D1851">
        <w:trPr>
          <w:cantSplit/>
        </w:trPr>
        <w:tc>
          <w:tcPr>
            <w:tcW w:w="1701" w:type="dxa"/>
            <w:shd w:val="clear" w:color="auto" w:fill="FFFFFF"/>
          </w:tcPr>
          <w:p w:rsidR="00CC45A9" w:rsidRPr="00474E4B" w:rsidRDefault="00CC45A9" w:rsidP="001D1851">
            <w:pPr>
              <w:spacing w:before="120" w:after="120"/>
              <w:rPr>
                <w:noProof/>
                <w:sz w:val="20"/>
              </w:rPr>
            </w:pPr>
            <w:r w:rsidRPr="00474E4B">
              <w:rPr>
                <w:sz w:val="20"/>
              </w:rPr>
              <w:t>S&amp;D</w:t>
            </w:r>
          </w:p>
        </w:tc>
        <w:tc>
          <w:tcPr>
            <w:tcW w:w="7371" w:type="dxa"/>
            <w:shd w:val="clear" w:color="auto" w:fill="FFFFFF"/>
          </w:tcPr>
          <w:p w:rsidR="00CC45A9" w:rsidRPr="00474E4B" w:rsidRDefault="00CC45A9" w:rsidP="001D1851">
            <w:pPr>
              <w:spacing w:before="120" w:after="120"/>
              <w:rPr>
                <w:noProof/>
                <w:sz w:val="20"/>
              </w:rPr>
            </w:pPr>
            <w:r w:rsidRPr="00474E4B">
              <w:rPr>
                <w:sz w:val="20"/>
              </w:rPr>
              <w:t xml:space="preserve">Francisco Assis, Inés Ayala Sender, Miltiadis Kyrkos, Inmaculada Rodríguez-Piñero Fernández, Claudia </w:t>
            </w:r>
            <w:r w:rsidR="00474E4B" w:rsidRPr="00474E4B">
              <w:rPr>
                <w:sz w:val="20"/>
              </w:rPr>
              <w:t>Ț</w:t>
            </w:r>
            <w:r w:rsidRPr="00474E4B">
              <w:rPr>
                <w:sz w:val="20"/>
              </w:rPr>
              <w:t>apardel</w:t>
            </w:r>
          </w:p>
        </w:tc>
      </w:tr>
    </w:tbl>
    <w:p w:rsidR="00CC45A9" w:rsidRPr="00474E4B" w:rsidRDefault="00CC45A9" w:rsidP="00CC45A9">
      <w:pPr>
        <w:pStyle w:val="Normal12"/>
        <w:rPr>
          <w:noProof/>
        </w:rPr>
      </w:pPr>
    </w:p>
    <w:bookmarkEnd w:id="5"/>
    <w:p w:rsidR="00FB552D" w:rsidRPr="00474E4B" w:rsidRDefault="00FB552D" w:rsidP="00FB552D">
      <w:pPr>
        <w:rPr>
          <w:noProof/>
        </w:rPr>
      </w:pPr>
      <w:r w:rsidRPr="00474E4B">
        <w:t>Legenda simbolurilor utilizate:</w:t>
      </w:r>
    </w:p>
    <w:p w:rsidR="00FB552D" w:rsidRPr="00474E4B" w:rsidRDefault="00FB552D" w:rsidP="00FB552D">
      <w:pPr>
        <w:pStyle w:val="NormalTabs"/>
        <w:rPr>
          <w:noProof/>
          <w:szCs w:val="24"/>
        </w:rPr>
      </w:pPr>
      <w:r w:rsidRPr="00474E4B">
        <w:t>+</w:t>
      </w:r>
      <w:r w:rsidRPr="00474E4B">
        <w:tab/>
        <w:t>:</w:t>
      </w:r>
      <w:r w:rsidRPr="00474E4B">
        <w:tab/>
        <w:t>pentru</w:t>
      </w:r>
    </w:p>
    <w:p w:rsidR="00FB552D" w:rsidRPr="00474E4B" w:rsidRDefault="00FB552D" w:rsidP="00FB552D">
      <w:pPr>
        <w:pStyle w:val="NormalTabs"/>
        <w:rPr>
          <w:noProof/>
          <w:szCs w:val="24"/>
        </w:rPr>
      </w:pPr>
      <w:r w:rsidRPr="00474E4B">
        <w:t>-</w:t>
      </w:r>
      <w:r w:rsidRPr="00474E4B">
        <w:tab/>
        <w:t>:</w:t>
      </w:r>
      <w:r w:rsidRPr="00474E4B">
        <w:tab/>
        <w:t>împotrivă</w:t>
      </w:r>
    </w:p>
    <w:p w:rsidR="00FB552D" w:rsidRPr="00474E4B" w:rsidRDefault="00FB552D" w:rsidP="00FB552D">
      <w:pPr>
        <w:pStyle w:val="NormalTabs"/>
        <w:rPr>
          <w:noProof/>
          <w:szCs w:val="24"/>
        </w:rPr>
      </w:pPr>
      <w:r w:rsidRPr="00474E4B">
        <w:t>0</w:t>
      </w:r>
      <w:r w:rsidRPr="00474E4B">
        <w:tab/>
        <w:t>:</w:t>
      </w:r>
      <w:r w:rsidRPr="00474E4B">
        <w:tab/>
        <w:t>ab</w:t>
      </w:r>
      <w:r w:rsidR="00474E4B" w:rsidRPr="00474E4B">
        <w:t>ț</w:t>
      </w:r>
      <w:r w:rsidRPr="00474E4B">
        <w:t>ineri</w:t>
      </w:r>
    </w:p>
    <w:p w:rsidR="00BE20CF" w:rsidRPr="00474E4B" w:rsidRDefault="00BE20CF" w:rsidP="00CC45A9">
      <w:pPr>
        <w:pStyle w:val="RefProc"/>
        <w:rPr>
          <w:noProof/>
        </w:rPr>
      </w:pPr>
    </w:p>
    <w:sectPr w:rsidR="00BE20CF" w:rsidRPr="00474E4B" w:rsidSect="004F23BA">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03D02" w:rsidRPr="003531D4" w:rsidRDefault="00E03D02">
      <w:r w:rsidRPr="003531D4">
        <w:separator/>
      </w:r>
    </w:p>
  </w:endnote>
  <w:endnote w:type="continuationSeparator" w:id="0">
    <w:p w:rsidR="00E03D02" w:rsidRPr="003531D4" w:rsidRDefault="00E03D02">
      <w:r w:rsidRPr="003531D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Arial">
    <w:panose1 w:val="020B0604020202020204"/>
    <w:charset w:val="00"/>
    <w:family w:val="swiss"/>
    <w:pitch w:val="variable"/>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23BA" w:rsidRPr="003531D4" w:rsidRDefault="004F23BA" w:rsidP="004F23BA">
    <w:pPr>
      <w:pStyle w:val="Footer"/>
    </w:pPr>
    <w:r w:rsidRPr="003531D4">
      <w:t>PE</w:t>
    </w:r>
    <w:r w:rsidRPr="003531D4">
      <w:rPr>
        <w:rStyle w:val="HideTWBExt"/>
        <w:noProof w:val="0"/>
      </w:rPr>
      <w:t>&lt;NoPE&gt;</w:t>
    </w:r>
    <w:r w:rsidRPr="003531D4">
      <w:t>625.320</w:t>
    </w:r>
    <w:r w:rsidRPr="003531D4">
      <w:rPr>
        <w:rStyle w:val="HideTWBExt"/>
        <w:noProof w:val="0"/>
      </w:rPr>
      <w:t>&lt;/NoPE&gt;&lt;Version&gt;</w:t>
    </w:r>
    <w:r w:rsidRPr="003531D4">
      <w:t>v03-00</w:t>
    </w:r>
    <w:r w:rsidRPr="003531D4">
      <w:rPr>
        <w:rStyle w:val="HideTWBExt"/>
        <w:noProof w:val="0"/>
      </w:rPr>
      <w:t>&lt;/Version&gt;</w:t>
    </w:r>
    <w:r w:rsidRPr="003531D4">
      <w:tab/>
    </w:r>
    <w:r w:rsidRPr="003531D4">
      <w:fldChar w:fldCharType="begin"/>
    </w:r>
    <w:r w:rsidRPr="003531D4">
      <w:instrText xml:space="preserve"> PAGE  \* MERGEFORMAT </w:instrText>
    </w:r>
    <w:r w:rsidRPr="003531D4">
      <w:fldChar w:fldCharType="separate"/>
    </w:r>
    <w:r w:rsidR="00942082">
      <w:rPr>
        <w:noProof/>
      </w:rPr>
      <w:t>42</w:t>
    </w:r>
    <w:r w:rsidRPr="003531D4">
      <w:fldChar w:fldCharType="end"/>
    </w:r>
    <w:r w:rsidRPr="003531D4">
      <w:t>/</w:t>
    </w:r>
    <w:r w:rsidR="001A633B">
      <w:rPr>
        <w:noProof/>
      </w:rPr>
      <w:fldChar w:fldCharType="begin"/>
    </w:r>
    <w:r w:rsidR="001A633B">
      <w:rPr>
        <w:noProof/>
      </w:rPr>
      <w:instrText xml:space="preserve"> NUMPAGES  \* MERGEFORMAT </w:instrText>
    </w:r>
    <w:r w:rsidR="001A633B">
      <w:rPr>
        <w:noProof/>
      </w:rPr>
      <w:fldChar w:fldCharType="separate"/>
    </w:r>
    <w:r w:rsidR="00942082">
      <w:rPr>
        <w:noProof/>
      </w:rPr>
      <w:t>44</w:t>
    </w:r>
    <w:r w:rsidR="001A633B">
      <w:rPr>
        <w:noProof/>
      </w:rPr>
      <w:fldChar w:fldCharType="end"/>
    </w:r>
    <w:r w:rsidRPr="003531D4">
      <w:tab/>
    </w:r>
    <w:r w:rsidRPr="003531D4">
      <w:rPr>
        <w:rStyle w:val="HideTWBExt"/>
        <w:noProof w:val="0"/>
      </w:rPr>
      <w:t>&lt;PathFdR&gt;</w:t>
    </w:r>
    <w:r w:rsidRPr="003531D4">
      <w:t>AD\1169267RO.docx</w:t>
    </w:r>
    <w:r w:rsidRPr="003531D4">
      <w:rPr>
        <w:rStyle w:val="HideTWBExt"/>
        <w:noProof w:val="0"/>
      </w:rPr>
      <w:t>&lt;/PathFdR&gt;</w:t>
    </w:r>
  </w:p>
  <w:p w:rsidR="00E03D02" w:rsidRPr="003531D4" w:rsidRDefault="004F23BA" w:rsidP="004F23BA">
    <w:pPr>
      <w:pStyle w:val="Footer2"/>
    </w:pPr>
    <w:r w:rsidRPr="003531D4">
      <w:t>RO</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23BA" w:rsidRPr="003531D4" w:rsidRDefault="004F23BA" w:rsidP="004F23BA">
    <w:pPr>
      <w:pStyle w:val="Footer"/>
    </w:pPr>
    <w:r w:rsidRPr="003531D4">
      <w:rPr>
        <w:rStyle w:val="HideTWBExt"/>
        <w:noProof w:val="0"/>
      </w:rPr>
      <w:t>&lt;PathFdR&gt;</w:t>
    </w:r>
    <w:r w:rsidRPr="003531D4">
      <w:t>AD\1169267RO.docx</w:t>
    </w:r>
    <w:r w:rsidRPr="003531D4">
      <w:rPr>
        <w:rStyle w:val="HideTWBExt"/>
        <w:noProof w:val="0"/>
      </w:rPr>
      <w:t>&lt;/PathFdR&gt;</w:t>
    </w:r>
    <w:r w:rsidRPr="003531D4">
      <w:tab/>
    </w:r>
    <w:r w:rsidRPr="003531D4">
      <w:fldChar w:fldCharType="begin"/>
    </w:r>
    <w:r w:rsidRPr="003531D4">
      <w:instrText xml:space="preserve"> PAGE  \* MERGEFORMAT </w:instrText>
    </w:r>
    <w:r w:rsidRPr="003531D4">
      <w:fldChar w:fldCharType="separate"/>
    </w:r>
    <w:r w:rsidR="00942082">
      <w:rPr>
        <w:noProof/>
      </w:rPr>
      <w:t>43</w:t>
    </w:r>
    <w:r w:rsidRPr="003531D4">
      <w:fldChar w:fldCharType="end"/>
    </w:r>
    <w:r w:rsidRPr="003531D4">
      <w:t>/</w:t>
    </w:r>
    <w:r w:rsidR="001A633B">
      <w:rPr>
        <w:noProof/>
      </w:rPr>
      <w:fldChar w:fldCharType="begin"/>
    </w:r>
    <w:r w:rsidR="001A633B">
      <w:rPr>
        <w:noProof/>
      </w:rPr>
      <w:instrText xml:space="preserve"> NUMPAGES  \* MERGEFORMAT </w:instrText>
    </w:r>
    <w:r w:rsidR="001A633B">
      <w:rPr>
        <w:noProof/>
      </w:rPr>
      <w:fldChar w:fldCharType="separate"/>
    </w:r>
    <w:r w:rsidR="00942082">
      <w:rPr>
        <w:noProof/>
      </w:rPr>
      <w:t>44</w:t>
    </w:r>
    <w:r w:rsidR="001A633B">
      <w:rPr>
        <w:noProof/>
      </w:rPr>
      <w:fldChar w:fldCharType="end"/>
    </w:r>
    <w:r w:rsidRPr="003531D4">
      <w:tab/>
      <w:t>PE</w:t>
    </w:r>
    <w:r w:rsidRPr="003531D4">
      <w:rPr>
        <w:rStyle w:val="HideTWBExt"/>
        <w:noProof w:val="0"/>
      </w:rPr>
      <w:t>&lt;NoPE&gt;</w:t>
    </w:r>
    <w:r w:rsidRPr="003531D4">
      <w:t>625.320</w:t>
    </w:r>
    <w:r w:rsidRPr="003531D4">
      <w:rPr>
        <w:rStyle w:val="HideTWBExt"/>
        <w:noProof w:val="0"/>
      </w:rPr>
      <w:t>&lt;/NoPE&gt;&lt;Version&gt;</w:t>
    </w:r>
    <w:r w:rsidRPr="003531D4">
      <w:t>v03-00</w:t>
    </w:r>
    <w:r w:rsidRPr="003531D4">
      <w:rPr>
        <w:rStyle w:val="HideTWBExt"/>
        <w:noProof w:val="0"/>
      </w:rPr>
      <w:t>&lt;/Version&gt;</w:t>
    </w:r>
  </w:p>
  <w:p w:rsidR="00E03D02" w:rsidRPr="003531D4" w:rsidRDefault="004F23BA" w:rsidP="004F23BA">
    <w:pPr>
      <w:pStyle w:val="Footer2"/>
    </w:pPr>
    <w:r w:rsidRPr="003531D4">
      <w:tab/>
      <w:t>RO</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F23BA" w:rsidRPr="003531D4" w:rsidRDefault="004F23BA" w:rsidP="004F23BA">
    <w:pPr>
      <w:pStyle w:val="Footer"/>
    </w:pPr>
    <w:r w:rsidRPr="003531D4">
      <w:rPr>
        <w:rStyle w:val="HideTWBExt"/>
        <w:noProof w:val="0"/>
      </w:rPr>
      <w:t>&lt;PathFdR&gt;</w:t>
    </w:r>
    <w:r w:rsidRPr="003531D4">
      <w:t>AD\1169267RO.docx</w:t>
    </w:r>
    <w:r w:rsidRPr="003531D4">
      <w:rPr>
        <w:rStyle w:val="HideTWBExt"/>
        <w:noProof w:val="0"/>
      </w:rPr>
      <w:t>&lt;/PathFdR&gt;</w:t>
    </w:r>
    <w:r w:rsidRPr="003531D4">
      <w:tab/>
    </w:r>
    <w:r w:rsidRPr="003531D4">
      <w:tab/>
      <w:t>PE</w:t>
    </w:r>
    <w:r w:rsidRPr="003531D4">
      <w:rPr>
        <w:rStyle w:val="HideTWBExt"/>
        <w:noProof w:val="0"/>
      </w:rPr>
      <w:t>&lt;NoPE&gt;</w:t>
    </w:r>
    <w:r w:rsidRPr="003531D4">
      <w:t>625.320</w:t>
    </w:r>
    <w:r w:rsidRPr="003531D4">
      <w:rPr>
        <w:rStyle w:val="HideTWBExt"/>
        <w:noProof w:val="0"/>
      </w:rPr>
      <w:t>&lt;/NoPE&gt;&lt;Version&gt;</w:t>
    </w:r>
    <w:r w:rsidRPr="003531D4">
      <w:t>v03-00</w:t>
    </w:r>
    <w:r w:rsidRPr="003531D4">
      <w:rPr>
        <w:rStyle w:val="HideTWBExt"/>
        <w:noProof w:val="0"/>
      </w:rPr>
      <w:t>&lt;/Version&gt;</w:t>
    </w:r>
  </w:p>
  <w:p w:rsidR="00E03D02" w:rsidRPr="003531D4" w:rsidRDefault="004F23BA" w:rsidP="004F23BA">
    <w:pPr>
      <w:pStyle w:val="Footer2"/>
      <w:tabs>
        <w:tab w:val="center" w:pos="4535"/>
      </w:tabs>
    </w:pPr>
    <w:r w:rsidRPr="003531D4">
      <w:t>RO</w:t>
    </w:r>
    <w:r w:rsidRPr="003531D4">
      <w:tab/>
    </w:r>
    <w:r w:rsidRPr="003531D4">
      <w:rPr>
        <w:b w:val="0"/>
        <w:i/>
        <w:color w:val="C0C0C0"/>
        <w:sz w:val="22"/>
      </w:rPr>
      <w:t>Unită în diversitate</w:t>
    </w:r>
    <w:r w:rsidRPr="003531D4">
      <w:tab/>
      <w:t>RO</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03D02" w:rsidRPr="003531D4" w:rsidRDefault="00E03D02">
      <w:r w:rsidRPr="003531D4">
        <w:separator/>
      </w:r>
    </w:p>
  </w:footnote>
  <w:footnote w:type="continuationSeparator" w:id="0">
    <w:p w:rsidR="00E03D02" w:rsidRPr="003531D4" w:rsidRDefault="00E03D02">
      <w:r w:rsidRPr="003531D4">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74E4B" w:rsidRDefault="00474E4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74E4B" w:rsidRDefault="00474E4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74E4B" w:rsidRDefault="00474E4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21946DE5"/>
    <w:multiLevelType w:val="hybridMultilevel"/>
    <w:tmpl w:val="6FE63F0A"/>
    <w:lvl w:ilvl="0" w:tplc="38C8DBE4">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43DB6E39"/>
    <w:multiLevelType w:val="hybridMultilevel"/>
    <w:tmpl w:val="99D6215C"/>
    <w:lvl w:ilvl="0" w:tplc="2110B3AC">
      <w:start w:val="1"/>
      <w:numFmt w:val="bullet"/>
      <w:lvlText w:val="­"/>
      <w:lvlJc w:val="left"/>
      <w:pPr>
        <w:ind w:left="720" w:hanging="360"/>
      </w:pPr>
      <w:rPr>
        <w:rFonts w:ascii="Courier New" w:hAnsi="Courier New"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2"/>
    <w:docVar w:name="CODEMNU" w:val=" 1"/>
    <w:docVar w:name="COM2KEY" w:val="CJ16"/>
    <w:docVar w:name="COMKEY" w:val="TRAN"/>
    <w:docVar w:name="CopyToNetwork" w:val="-1"/>
    <w:docVar w:name="CVA"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396845 HideTWBInt;}}{\*\rsidtbl \rsid24658\rsid735077\rsid1396845\rsid2892074\rsid4666813\rsid6641733\rsid8744856\rsid9636012\rsid11215221\rsid12154954\rsid14424199\rsid15204470\rsid15285974\rsid15950462\rsid16324206_x000d__x000a_\rsid16662270}{\mmathPr\mmathFont34\mbrkBin0\mbrkBinSub0\msmallFrac0\mdispDef1\mlMargin0\mrMargin0\mdefJc1\mwrapIndent1440\mintLim0\mnaryLim1}{\info{\author SOLL Susan Benzon}{\operator SOLL Susan Benzon}{\creatim\yr2018\mo7\dy3\hr16\min48}_x000d__x000a_{\revtim\yr2018\mo7\dy3\hr16\min48}{\version1}{\edmins0}{\nofpages1}{\nofwords1}{\nofchars17}{\*\company European Parliament}{\nofcharsws17}{\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96845\utinl \fet0{\*\wgrffmtfilter 013f}\ilfomacatclnup0{\*\template C:\\Users\\ssoll\\AppData\\Local\\Temp\\Blank1.dot}{\*\ftnsep \ltrpar \pard\plain \ltrpar_x000d__x000a_\ql \li0\ri0\widctlpar\wrapdefault\aspalpha\aspnum\faauto\adjustright\rin0\lin0\itap0 \rtlch\fcs1 \af0\afs20\alang1025 \ltrch\fcs0 \fs24\lang2057\langfe2057\cgrid\langnp2057\langfenp2057 {\rtlch\fcs1 \af0 \ltrch\fcs0 \insrsid8744856 \chftnsep _x000d__x000a_\par }}{\*\ftnsepc \ltrpar \pard\plain \ltrpar\ql \li0\ri0\widctlpar\wrapdefault\aspalpha\aspnum\faauto\adjustright\rin0\lin0\itap0 \rtlch\fcs1 \af0\afs20\alang1025 \ltrch\fcs0 \fs24\lang2057\langfe2057\cgrid\langnp2057\langfenp2057 {\rtlch\fcs1 \af0 _x000d__x000a_\ltrch\fcs0 \insrsid8744856 \chftnsepc _x000d__x000a_\par }}{\*\aftnsep \ltrpar \pard\plain \ltrpar\ql \li0\ri0\widctlpar\wrapdefault\aspalpha\aspnum\faauto\adjustright\rin0\lin0\itap0 \rtlch\fcs1 \af0\afs20\alang1025 \ltrch\fcs0 \fs24\lang2057\langfe2057\cgrid\langnp2057\langfenp2057 {\rtlch\fcs1 \af0 _x000d__x000a_\ltrch\fcs0 \insrsid8744856 \chftnsep _x000d__x000a_\par }}{\*\aftnsepc \ltrpar \pard\plain \ltrpar\ql \li0\ri0\widctlpar\wrapdefault\aspalpha\aspnum\faauto\adjustright\rin0\lin0\itap0 \rtlch\fcs1 \af0\afs20\alang1025 \ltrch\fcs0 \fs24\lang2057\langfe2057\cgrid\langnp2057\langfenp2057 {\rtlch\fcs1 \af0 _x000d__x000a_\ltrch\fcs0 \insrsid874485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396845\charrsid5535977 {\*\bkmkstart ReplaceBookmark}#}{\rtlch\fcs1 \af0 \ltrch\fcs0 \cs15\v\cf15\insrsid1396845\charrsid5535977 &gt;&gt;&gt;CVAR@@AmendA}{\rtlch\fcs1 \af0 \ltrch\fcs0 \insrsid1396845\charrsid5535977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a_x000d__x000a_cad9dc1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525206 HideTWBExt;}{\s16\ql \li0\ri0\sa120\nowidctlpar\wrapdefault\aspalpha\aspnum\faauto\adjustright\rin0\lin0\itap0 \rtlch\fcs1 \af0\afs20\alang1025 \ltrch\fcs0 _x000d__x000a_\fs24\lang2057\langfe2057\cgrid\langnp2057\langfenp2057 \sbasedon0 \snext16 \slink17 \spriority0 \styrsid8525206 Normal6;}{\*\cs17 \additive \fs24 \slink16 \slocked \spriority0 \styrsid8525206 Normal6 Char;}{_x000d__x000a_\s18\ql \li0\ri0\nowidctlpar\wrapdefault\aspalpha\aspnum\faauto\adjustright\rin0\lin0\itap0 \rtlch\fcs1 \af0\afs20\alang1025 \ltrch\fcs0 \b\fs24\lang2057\langfe2057\cgrid\langnp2057\langfenp2057 \sbasedon0 \snext18 \slink19 \spriority0 \styrsid8525206 _x000d__x000a_NormalBold;}{\*\cs19 \additive \b\fs24 \slink18 \slocked \spriority0 \styrsid8525206 NormalBold Char;}{\s20\ql \li0\ri0\sa240\nowidctlpar\wrapdefault\aspalpha\aspnum\faauto\adjustright\rin0\lin0\itap0 \rtlch\fcs1 \af0\afs20\alang1025 \ltrch\fcs0 _x000d__x000a_\i\fs24\lang2057\langfe2057\cgrid\langnp2057\langfenp2057 \sbasedon0 \snext20 \spriority0 \styrsid8525206 Normal12Italic;}{\*\cs21 \additive \v\cf15 \spriority0 \styrsid8525206 HideTWBInt;}{_x000d__x000a_\s22\qc \li0\ri0\sb240\sa240\keepn\nowidctlpar\wrapdefault\aspalpha\aspnum\faauto\adjustright\rin0\lin0\itap0 \rtlch\fcs1 \af0\afs20\alang1025 \ltrch\fcs0 \i\fs24\lang2057\langfe2057\cgrid\langnp2057\langfenp2057 _x000d__x000a_\sbasedon0 \snext0 \spriority0 \styrsid8525206 JustificationTitle;}{\s23\qr \li0\ri0\sb240\sa240\nowidctlpar\wrapdefault\aspalpha\aspnum\faauto\adjustright\rin0\lin0\itap0 \rtlch\fcs1 \af0\afs20\alang1025 \ltrch\fcs0 _x000d__x000a_\fs24\lang1024\langfe1024\cgrid\noproof\langnp2057\langfenp2057 \sbasedon0 \snext23 \spriority0 \styrsid8525206 Olang;}{\s24\qc \li0\ri0\sa240\nowidctlpar\wrapdefault\aspalpha\aspnum\faauto\adjustright\rin0\lin0\itap0 \rtlch\fcs1 \af0\afs20\alang1025 _x000d__x000a_\ltrch\fcs0 \i\fs24\lang2057\langfe2057\cgrid\langnp2057\langfenp2057 \sbasedon0 \snext24 \spriority0 \styrsid852520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8525206 AMNumberTabs;}{\s26\ql \li0\ri0\sb240\nowidctlpar\wrapdefault\aspalpha\aspnum\faauto\adjustright\rin0\lin0\itap0 \rtlch\fcs1 _x000d__x000a_\af0\afs20\alang1025 \ltrch\fcs0 \b\fs24\lang2057\langfe2057\cgrid\langnp2057\langfenp2057 \sbasedon0 \snext26 \spriority0 \styrsid8525206 NormalBold12b;}}{\*\rsidtbl \rsid24658\rsid735077\rsid2892074\rsid4666813\rsid6641733\rsid8525206\rsid9636012_x000d__x000a_\rsid11215221\rsid12154954\rsid12990426\rsid14424199\rsid15204470\rsid15285974\rsid15950462\rsid16324206\rsid16662270}{\mmathPr\mmathFont34\mbrkBin0\mbrkBinSub0\msmallFrac0\mdispDef1\mlMargin0\mrMargin0\mdefJc1\mwrapIndent1440\mintLim0\mnaryLim1}{\info_x000d__x000a_{\author SOLL Susan Benzon}{\operator SOLL Susan Benzon}{\creatim\yr2018\mo7\dy3\hr16\min43}{\revtim\yr2018\mo7\dy3\hr16\min43}{\version1}{\edmins0}{\nofpages1}{\nofwords31}{\nofchars346}{\*\company European Parliament}{\nofcharsws349}{\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525206\utinl \fet0{\*\wgrffmtfilter 013f}\ilfomacatclnup0{\*\template C:\\Users\\ssoll\\AppData\\Local\\Temp\\Blank1.dot}{\*\ftnsep \ltrpar \pard\plain \ltrpar_x000d__x000a_\ql \li0\ri0\widctlpar\wrapdefault\aspalpha\aspnum\faauto\adjustright\rin0\lin0\itap0 \rtlch\fcs1 \af0\afs20\alang1025 \ltrch\fcs0 \fs24\lang2057\langfe2057\cgrid\langnp2057\langfenp2057 {\rtlch\fcs1 \af0 \ltrch\fcs0 \insrsid12990426 \chftnsep _x000d__x000a_\par }}{\*\ftnsepc \ltrpar \pard\plain \ltrpar\ql \li0\ri0\widctlpar\wrapdefault\aspalpha\aspnum\faauto\adjustright\rin0\lin0\itap0 \rtlch\fcs1 \af0\afs20\alang1025 \ltrch\fcs0 \fs24\lang2057\langfe2057\cgrid\langnp2057\langfenp2057 {\rtlch\fcs1 \af0 _x000d__x000a_\ltrch\fcs0 \insrsid12990426 \chftnsepc _x000d__x000a_\par }}{\*\aftnsep \ltrpar \pard\plain \ltrpar\ql \li0\ri0\widctlpar\wrapdefault\aspalpha\aspnum\faauto\adjustright\rin0\lin0\itap0 \rtlch\fcs1 \af0\afs20\alang1025 \ltrch\fcs0 \fs24\lang2057\langfe2057\cgrid\langnp2057\langfenp2057 {\rtlch\fcs1 \af0 _x000d__x000a_\ltrch\fcs0 \insrsid12990426 \chftnsep _x000d__x000a_\par }}{\*\aftnsepc \ltrpar \pard\plain \ltrpar\ql \li0\ri0\widctlpar\wrapdefault\aspalpha\aspnum\faauto\adjustright\rin0\lin0\itap0 \rtlch\fcs1 \af0\afs20\alang1025 \ltrch\fcs0 \fs24\lang2057\langfe2057\cgrid\langnp2057\langfenp2057 {\rtlch\fcs1 \af0 _x000d__x000a_\ltrch\fcs0 \insrsid1299042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8525206\charrsid5535977 {\*\bkmkstart restartA}&lt;AmendA&gt;}{_x000d__x000a_\rtlch\fcs1 \af0 \ltrch\fcs0 \insrsid8525206\charrsid5535977 Amendment\tab \tab }{\rtlch\fcs1 \af0 \ltrch\fcs0 \cs15\b0\v\f1\fs20\cf9\insrsid8525206\charrsid5535977 &lt;NumAmA&gt;}{\rtlch\fcs1 \af0 \ltrch\fcs0 \insrsid8525206\charrsid5535977 #}{\rtlch\fcs1 _x000d__x000a_\af0 \ltrch\fcs0 \cs21\v\cf15\insrsid8525206\charrsid5535977 ENMIENDA@NRAM@}{\rtlch\fcs1 \af0 \ltrch\fcs0 \insrsid8525206\charrsid5535977 #}{\rtlch\fcs1 \af0 \ltrch\fcs0 \cs15\b0\v\f1\fs20\cf9\insrsid8525206\charrsid5535977 &lt;/NumAmA&gt;}{\rtlch\fcs1 \af0 _x000d__x000a_\ltrch\fcs0 \insrsid8525206\charrsid5535977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8525206\charrsid5535977 &lt;DocAmend&gt;}{\rtlch\fcs1 \af0 \ltrch\fcs0 \insrsid8525206\charrsid5535977 Draft legislative resolution}{\rtlch\fcs1 \af0 \ltrch\fcs0 _x000d__x000a_\cs15\b0\v\f1\fs20\cf9\insrsid8525206\charrsid5535977 &lt;/DocAmend&gt;}{\rtlch\fcs1 \af0 \ltrch\fcs0 \insrsid8525206\charrsid5535977 _x000d__x000a_\par }\pard\plain \ltrpar\s18\ql \li0\ri0\nowidctlpar\wrapdefault\aspalpha\aspnum\faauto\adjustright\rin0\lin0\itap0\pararsid14374628 \rtlch\fcs1 \af0\afs20\alang1025 \ltrch\fcs0 \b\fs24\lang2057\langfe2057\cgrid\langnp2057\langfenp2057 {\rtlch\fcs1 \af0 _x000d__x000a_\ltrch\fcs0 \cs15\b0\v\f1\fs20\cf9\insrsid8525206\charrsid5535977 &lt;Article&gt;}{\rtlch\fcs1 \af0 \ltrch\fcs0 \cf10\insrsid8525206\charrsid5535977 \u9668\'3f}{\rtlch\fcs1 \af0 \ltrch\fcs0 \insrsid8525206\charrsid5535977 #}{\rtlch\fcs1 \af0 \ltrch\fcs0 _x000d__x000a_\cs21\v\cf15\insrsid8525206\charrsid5535977 TVTRESPART@RESPART@}{\rtlch\fcs1 \af0 \ltrch\fcs0 \insrsid8525206\charrsid5535977 #}{\rtlch\fcs1 \af0 \ltrch\fcs0 \cf10\insrsid8525206\charrsid5535977 \u9658\'3f}{\rtlch\fcs1 \af0 \ltrch\fcs0 _x000d__x000a_\cs15\b0\v\f1\fs20\cf9\insrsid8525206\charrsid5535977 &lt;/Article&gt;}{\rtlch\fcs1 \af0 \ltrch\fcs0 \cs19\b0\insrsid8525206\charrsid5535977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8525206\charrsid5535977 \cell }\pard \ltrpar\ql \li0\ri0\widctlpar\intbl\wrapdefault\aspalpha\aspnum\faauto\adjustright\rin0\lin0 {\rtlch\fcs1 \af0 \ltrch\fcs0 _x000d__x000a_\insrsid8525206\charrsid5535977 \trowd \ltrrow\ts11\trqc\trgaph340\trleft-340\trftsWidth1\trftsWidthB3\trftsWidthA3\trpaddl340\trpaddr340\trpaddfl3\trpaddfr3\tblrsid14374628\tblind0\tblindtype3 \clvertalt\clbrdrt\brdrtbl \clbrdrl\brdrtbl \clbrdrb\brdrtbl _x000d__x000a_\clbrdrr\brdrtbl \cltxlrtb\clftsWidth3\clwWidth9752\clshdrawnil \cellx9412\row \ltrrow}\trowd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4\qc \li0\ri0\sa240\keepn\nowidctlpar\intbl\wrapdefault\aspalpha\aspnum\faauto\adjustright\rin0\lin0\pararsid14374628 \rtlch\fcs1 \af0\afs20\alang1025 \ltrch\fcs0 _x000d__x000a_\i\fs24\lang2057\langfe2057\cgrid\langnp2057\langfenp2057 {\rtlch\fcs1 \af0 \ltrch\fcs0 \insrsid8525206\charrsid5535977 Draft legislative resolution\cell Amendment\cell }\pard\plain \ltrpar_x000d__x000a_\ql \li0\ri0\widctlpar\intbl\wrapdefault\aspalpha\aspnum\faauto\adjustright\rin0\lin0 \rtlch\fcs1 \af0\afs20\alang1025 \ltrch\fcs0 \fs24\lang2057\langfe2057\cgrid\langnp2057\langfenp2057 {\rtlch\fcs1 \af0 \ltrch\fcs0 \insrsid8525206\charrsid5535977 _x000d__x000a_\trowd \ltrrow\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8525206\charrsid5535977 ##\cell ##}{\rtlch\fcs1 \af0\afs24 \ltrch\fcs0 \insrsid8525206\charrsid5535977 \cell }\pard\plain \ltrpar\ql \li0\ri0\widctlpar\intbl\wrapdefault\aspalpha\aspnum\faauto\adjustright\rin0\lin0 \rtlch\fcs1 _x000d__x000a_\af0\afs20\alang1025 \ltrch\fcs0 \fs24\lang2057\langfe2057\cgrid\langnp2057\langfenp2057 {\rtlch\fcs1 \af0 \ltrch\fcs0 \insrsid8525206\charrsid5535977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374628 \rtlch\fcs1 \af0\afs20\alang1025 \ltrch\fcs0 \fs24\lang1024\langfe1024\cgrid\noproof\langnp2057\langfenp2057 {\rtlch\fcs1 \af0 _x000d__x000a_\ltrch\fcs0 \noproof0\insrsid8525206\charrsid5535977 Or. }{\rtlch\fcs1 \af0 \ltrch\fcs0 \cs15\v\f1\fs20\cf9\noproof0\insrsid8525206\charrsid5535977 &lt;Original&gt;}{\rtlch\fcs1 \af0 \ltrch\fcs0 \noproof0\insrsid8525206\charrsid5535977 #}{\rtlch\fcs1 \af0 _x000d__x000a_\ltrch\fcs0 \cs21\v\cf15\noproof0\insrsid8525206\charrsid5535977 MNU[ORLANGONE][ORLANGMORE]@CHOICE@ORLANGMNU}{\rtlch\fcs1 \af0 \ltrch\fcs0 \noproof0\insrsid8525206\charrsid5535977 #}{\rtlch\fcs1 \af0 \ltrch\fcs0 _x000d__x000a_\cs15\v\f1\fs20\cf9\noproof0\insrsid8525206\charrsid5535977 &lt;/Original&gt;}{\rtlch\fcs1 \af0 \ltrch\fcs0 \noproof0\insrsid8525206\charrsid5535977 _x000d__x000a_\par }\pard\plain \ltrpar\s22\qc \li0\ri0\sb240\sa240\keepn\nowidctlpar\wrapdefault\aspalpha\aspnum\faauto\adjustright\rin0\lin0\itap0\pararsid14374628 \rtlch\fcs1 \af0\afs20\alang1025 \ltrch\fcs0 \i\fs24\lang2057\langfe2057\cgrid\langnp2057\langfenp2057 {_x000d__x000a_\rtlch\fcs1 \af0 \ltrch\fcs0 \cs15\i0\v\f1\fs20\cf9\insrsid8525206\charrsid5535977 &lt;TitreJust&gt;}{\rtlch\fcs1 \af0 \ltrch\fcs0 \insrsid8525206\charrsid5535977 Justification}{\rtlch\fcs1 \af0 \ltrch\fcs0 \cs15\i0\v\f1\fs20\cf9\insrsid8525206\charrsid5535977 _x000d__x000a_&lt;/TitreJust&gt;}{\rtlch\fcs1 \af0 \ltrch\fcs0 \insrsid8525206\charrsid5535977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8525206\charrsid5535977 &lt;OptDelPrev&gt;}{\rtlch\fcs1 \af0 \ltrch\fcs0 \insrsid8525206\charrsid5535977 #}{\rtlch\fcs1 \af0 \ltrch\fcs0 \cs21\v\cf15\insrsid8525206\charrsid5535977 _x000d__x000a_MNU[TEXTJUSTYES][TEXTJUSTNO]@CHOICE@}{\rtlch\fcs1 \af0 \ltrch\fcs0 \insrsid8525206\charrsid5535977 #}{\rtlch\fcs1 \af0 \ltrch\fcs0 \cs15\i0\v\f1\fs20\cf9\insrsid8525206\charrsid5535977 &lt;/OptDelPrev&gt;}{\rtlch\fcs1 \af0 \ltrch\fcs0 _x000d__x000a_\insrsid8525206\charrsid5535977 _x000d__x000a_\par }\pard\plain \ltrpar\ql \li0\ri0\widctlpar\wrapdefault\aspalpha\aspnum\faauto\adjustright\rin0\lin0\itap0\pararsid16324206 \rtlch\fcs1 \af0\afs20\alang1025 \ltrch\fcs0 \fs24\lang2057\langfe2057\cgrid\langnp2057\langfenp2057 {\rtlch\fcs1 \af0 \ltrch\fcs0 _x000d__x000a_\cs15\v\f1\fs20\cf9\insrsid8525206\charrsid5535977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8_x000d__x000a_8539dc1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2892074\rsid4666813\rsid6641733\rsid9636012\rsid9720391\rsid11215221\rsid12154954\rsid14424199\rsid14510533\rsid15204470\rsid15285974\rsid15950462\rsid16324206\rsid16662270}{\mmathPr\mmathFont34\mbrkBin0\mbrkBinSub0_x000d__x000a_\msmallFrac0\mdispDef1\mlMargin0\mrMargin0\mdefJc1\mwrapIndent1440\mintLim0\mnaryLim1}{\info{\author CERVENANSKA Ivona}{\operator CERVENANSKA Ivona}{\creatim\yr2018\mo11\dy15\hr15\min50}{\revtim\yr2018\mo11\dy15\hr15\min50}{\version1}{\edmins0}_x000d__x000a_{\nofpages1}{\nofwords0}{\nofchars1}{\*\company European Parliament}{\nofcharsws1}{\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720391\utinl \fet0{\*\wgrffmtfilter 013f}\ilfomacatclnup0{\*\template C:\\Users\\ICERVE~1\\AppData\\Local\\Temp\\Blank1.dot}{\*\ftnsep \ltrpar \pard\plain \ltrpar_x000d__x000a_\ql \li0\ri0\widctlpar\wrapdefault\aspalpha\aspnum\faauto\adjustright\rin0\lin0\itap0 \rtlch\fcs1 \af0\afs20\alang1025 \ltrch\fcs0 \fs24\lang2057\langfe2057\cgrid\langnp2057\langfenp2057 {\rtlch\fcs1 \af0 \ltrch\fcs0 \insrsid14510533 \chftnsep _x000d__x000a_\par }}{\*\ftnsepc \ltrpar \pard\plain \ltrpar\ql \li0\ri0\widctlpar\wrapdefault\aspalpha\aspnum\faauto\adjustright\rin0\lin0\itap0 \rtlch\fcs1 \af0\afs20\alang1025 \ltrch\fcs0 \fs24\lang2057\langfe2057\cgrid\langnp2057\langfenp2057 {\rtlch\fcs1 \af0 _x000d__x000a_\ltrch\fcs0 \insrsid14510533 \chftnsepc _x000d__x000a_\par }}{\*\aftnsep \ltrpar \pard\plain \ltrpar\ql \li0\ri0\widctlpar\wrapdefault\aspalpha\aspnum\faauto\adjustright\rin0\lin0\itap0 \rtlch\fcs1 \af0\afs20\alang1025 \ltrch\fcs0 \fs24\lang2057\langfe2057\cgrid\langnp2057\langfenp2057 {\rtlch\fcs1 \af0 _x000d__x000a_\ltrch\fcs0 \insrsid14510533 \chftnsep _x000d__x000a_\par }}{\*\aftnsepc \ltrpar \pard\plain \ltrpar\ql \li0\ri0\widctlpar\wrapdefault\aspalpha\aspnum\faauto\adjustright\rin0\lin0\itap0 \rtlch\fcs1 \af0\afs20\alang1025 \ltrch\fcs0 \fs24\lang2057\langfe2057\cgrid\langnp2057\langfenp2057 {\rtlch\fcs1 \af0 _x000d__x000a_\ltrch\fcs0 \insrsid145105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9720391 \rtlch\fcs1 \af0\afs20\alang1025 \ltrch\fcs0 \fs24\lang2057\langfe2057\cgrid\langnp2057\langfenp2057 {\rtlch\fcs1 \af0 \ltrch\fcs0 \insrsid9720391 _x000d__x000a_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93_x000d__x000a_dd7df2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230548 HideTWBExt;}{\s16\ql \li0\ri0\sa120\nowidctlpar\wrapdefault\aspalpha\aspnum\faauto\adjustright\rin0\lin0\itap0 \rtlch\fcs1 \af0\afs20\alang1025 \ltrch\fcs0 _x000d__x000a_\fs24\lang2057\langfe2057\cgrid\langnp2057\langfenp2057 \sbasedon0 \snext16 \slink17 \spriority0 \styrsid6230548 Normal6;}{\*\cs17 \additive \fs24 \slink16 \slocked \spriority0 \styrsid6230548 Normal6 Char;}{_x000d__x000a_\s18\ql \li0\ri0\nowidctlpar\wrapdefault\aspalpha\aspnum\faauto\adjustright\rin0\lin0\itap0 \rtlch\fcs1 \af0\afs20\alang1025 \ltrch\fcs0 \b\fs24\lang2057\langfe2057\cgrid\langnp2057\langfenp2057 \sbasedon0 \snext18 \slink19 \spriority0 \styrsid6230548 _x000d__x000a_NormalBold;}{\*\cs19 \additive \b\fs24 \slink18 \slocked \spriority0 \styrsid6230548 NormalBold Char;}{\s20\ql \li0\ri0\sa240\nowidctlpar\wrapdefault\aspalpha\aspnum\faauto\adjustright\rin0\lin0\itap0 \rtlch\fcs1 \af0\afs20\alang1025 \ltrch\fcs0 _x000d__x000a_\i\fs24\lang2057\langfe2057\cgrid\langnp2057\langfenp2057 \sbasedon0 \snext20 \spriority0 \styrsid6230548 Normal12Italic;}{\s21\qc \li0\ri0\sb240\nowidctlpar\wrapdefault\aspalpha\aspnum\faauto\adjustright\rin0\lin0\itap0 \rtlch\fcs1 \af0\afs20\alang1025 _x000d__x000a_\ltrch\fcs0 \i\fs24\lang2057\langfe2057\cgrid\langnp2057\langfenp2057 \sbasedon0 \snext21 \spriority0 \styrsid6230548 CrossRef;}{\*\cs22 \additive \v\cf15 \spriority0 \styrsid6230548 HideTWBInt;}{_x000d__x000a_\s23\qc \li0\ri0\sb240\sa240\keepn\nowidctlpar\wrapdefault\aspalpha\aspnum\faauto\adjustright\rin0\lin0\itap0 \rtlch\fcs1 \af0\afs20\alang1025 \ltrch\fcs0 \i\fs24\lang2057\langfe2057\cgrid\langnp2057\langfenp2057 _x000d__x000a_\sbasedon0 \snext0 \spriority0 \styrsid6230548 JustificationTitle;}{\s24\qr \li0\ri0\sb240\sa240\nowidctlpar\wrapdefault\aspalpha\aspnum\faauto\adjustright\rin0\lin0\itap0 \rtlch\fcs1 \af0\afs20\alang1025 \ltrch\fcs0 _x000d__x000a_\fs24\lang1024\langfe1024\cgrid\noproof\langnp2057\langfenp2057 \sbasedon0 \snext24 \spriority0 \styrsid6230548 Olang;}{\s25\qc \li0\ri0\sa240\nowidctlpar\wrapdefault\aspalpha\aspnum\faauto\adjustright\rin0\lin0\itap0 \rtlch\fcs1 \af0\afs20\alang1025 _x000d__x000a_\ltrch\fcs0 \i\fs24\lang2057\langfe2057\cgrid\langnp2057\langfenp2057 \sbasedon0 \snext25 \spriority0 \styrsid6230548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6230548 AMNumberTabs;}{\s27\ql \li0\ri0\sb240\nowidctlpar\wrapdefault\aspalpha\aspnum\faauto\adjustright\rin0\lin0\itap0 \rtlch\fcs1 _x000d__x000a_\af0\afs20\alang1025 \ltrch\fcs0 \b\fs24\lang2057\langfe2057\cgrid\langnp2057\langfenp2057 \sbasedon0 \snext27 \spriority0 \styrsid6230548 NormalBold12b;}}{\*\rsidtbl \rsid24658\rsid735077\rsid2892074\rsid4666813\rsid6230548\rsid6641733\rsid9636012_x000d__x000a_\rsid11215221\rsid12154954\rsid14424199\rsid15204470\rsid15285974\rsid15930975\rsid15950462\rsid16324206\rsid16662270}{\mmathPr\mmathFont34\mbrkBin0\mbrkBinSub0\msmallFrac0\mdispDef1\mlMargin0\mrMargin0\mdefJc1\mwrapIndent1440\mintLim0\mnaryLim1}{\info_x000d__x000a_{\author SOLL Susan Benzon}{\operator SOLL Susan Benzon}{\creatim\yr2018\mo7\dy3\hr16\min43}{\revtim\yr2018\mo7\dy3\hr16\min43}{\version1}{\edmins0}{\nofpages1}{\nofwords60}{\nofchars660}{\*\company European Parliament}{\nofcharsws665}{\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230548\utinl \fet0{\*\wgrffmtfilter 013f}\ilfomacatclnup0{\*\template C:\\Users\\ssoll\\AppData\\Local\\Temp\\Blank1.dot}{\*\ftnsep \ltrpar \pard\plain \ltrpar_x000d__x000a_\ql \li0\ri0\widctlpar\wrapdefault\aspalpha\aspnum\faauto\adjustright\rin0\lin0\itap0 \rtlch\fcs1 \af0\afs20\alang1025 \ltrch\fcs0 \fs24\lang2057\langfe2057\cgrid\langnp2057\langfenp2057 {\rtlch\fcs1 \af0 \ltrch\fcs0 \insrsid15930975 \chftnsep _x000d__x000a_\par }}{\*\ftnsepc \ltrpar \pard\plain \ltrpar\ql \li0\ri0\widctlpar\wrapdefault\aspalpha\aspnum\faauto\adjustright\rin0\lin0\itap0 \rtlch\fcs1 \af0\afs20\alang1025 \ltrch\fcs0 \fs24\lang2057\langfe2057\cgrid\langnp2057\langfenp2057 {\rtlch\fcs1 \af0 _x000d__x000a_\ltrch\fcs0 \insrsid15930975 \chftnsepc _x000d__x000a_\par }}{\*\aftnsep \ltrpar \pard\plain \ltrpar\ql \li0\ri0\widctlpar\wrapdefault\aspalpha\aspnum\faauto\adjustright\rin0\lin0\itap0 \rtlch\fcs1 \af0\afs20\alang1025 \ltrch\fcs0 \fs24\lang2057\langfe2057\cgrid\langnp2057\langfenp2057 {\rtlch\fcs1 \af0 _x000d__x000a_\ltrch\fcs0 \insrsid15930975 \chftnsep _x000d__x000a_\par }}{\*\aftnsepc \ltrpar \pard\plain \ltrpar\ql \li0\ri0\widctlpar\wrapdefault\aspalpha\aspnum\faauto\adjustright\rin0\lin0\itap0 \rtlch\fcs1 \af0\afs20\alang1025 \ltrch\fcs0 \fs24\lang2057\langfe2057\cgrid\langnp2057\langfenp2057 {\rtlch\fcs1 \af0 _x000d__x000a_\ltrch\fcs0 \insrsid1593097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6230548\charrsid5535977 {\*\bkmkstart restartB}&lt;AmendB&gt;}{_x000d__x000a_\rtlch\fcs1 \af0 \ltrch\fcs0 \insrsid6230548\charrsid5535977 Amendment\tab \tab }{\rtlch\fcs1 \af0 \ltrch\fcs0 \cs15\b0\v\f1\fs20\cf9\insrsid6230548\charrsid5535977 &lt;NumAmB&gt;}{\rtlch\fcs1 \af0 \ltrch\fcs0 \insrsid6230548\charrsid5535977 #}{\rtlch\fcs1 _x000d__x000a_\af0 \ltrch\fcs0 \cs22\v\cf15\insrsid6230548\charrsid5535977 ENMIENDA@NRAM@}{\rtlch\fcs1 \af0 \ltrch\fcs0 \insrsid6230548\charrsid5535977 #}{\rtlch\fcs1 \af0 \ltrch\fcs0 \cs15\b0\v\f1\fs20\cf9\insrsid6230548\charrsid5535977 &lt;/NumAmB&gt;}{\rtlch\fcs1 \af0 _x000d__x000a_\ltrch\fcs0 \insrsid6230548\charrsid5535977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6230548\charrsid5535977 &lt;DocAmend&gt;}{\rtlch\fcs1 \af0 \ltrch\fcs0 \insrsid6230548\charrsid5535977 #}{\rtlch\fcs1 \af0 \ltrch\fcs0 \cs22\v\cf15\insrsid6230548\charrsid5535977 _x000d__x000a_MNU[OPTPROPOSALCOD][OPTPROPOSALCNS][OPTPROPOSALNLE]@CHOICE@CODEMNU}{\rtlch\fcs1 \af0 \ltrch\fcs0 \insrsid6230548\charrsid5535977 ##}{\rtlch\fcs1 \af0 \ltrch\fcs0 \cs22\v\cf15\insrsid6230548\charrsid5535977 MNU[AMACTYES][NOTAPP]@CHOICE@AMACTMNU}{_x000d__x000a_\rtlch\fcs1 \af0 \ltrch\fcs0 \insrsid6230548\charrsid5535977 #}{\rtlch\fcs1 \af0 \ltrch\fcs0 \cs15\b0\v\f1\fs20\cf9\insrsid6230548\charrsid5535977 &lt;/DocAmend&gt;}{\rtlch\fcs1 \af0 \ltrch\fcs0 \insrsid6230548\charrsid5535977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6230548\charrsid5535977 &lt;Article&gt;}{\rtlch\fcs1 \af0 \ltrch\fcs0 \insrsid6230548\charrsid5535977 #}{\rtlch\fcs1 \af0 \ltrch\fcs0 \cs22\v\cf15\insrsid6230548\charrsid5535977 _x000d__x000a_MNU[AMACTPARTYES][AMACTPARTNO]@CHOICE@AMACTMNU}{\rtlch\fcs1 \af0 \ltrch\fcs0 \insrsid6230548\charrsid5535977 #}{\rtlch\fcs1 \af0 \ltrch\fcs0 \cs15\b0\v\f1\fs20\cf9\insrsid6230548\charrsid5535977 &lt;/Article&gt;}{\rtlch\fcs1 \af0 \ltrch\fcs0 _x000d__x000a_\insrsid6230548\charrsid5535977 _x000d__x000a_\par }\pard\plain \ltrpar\ql \li0\ri0\keepn\widctlpar\wrapdefault\aspalpha\aspnum\faauto\adjustright\rin0\lin0\itap0\pararsid14374628 \rtlch\fcs1 \af0\afs20\alang1025 \ltrch\fcs0 \fs24\lang2057\langfe2057\cgrid\langnp2057\langfenp2057 {\rtlch\fcs1 \af0 _x000d__x000a_\ltrch\fcs0 \cs15\v\f1\fs20\cf9\insrsid6230548\charrsid5535977 &lt;DocAmend2&gt;&lt;OptDel&gt;}{\rtlch\fcs1 \af0 \ltrch\fcs0 \insrsid6230548\charrsid5535977 #}{\rtlch\fcs1 \af0 \ltrch\fcs0 \cs22\v\cf15\insrsid6230548\charrsid5535977 _x000d__x000a_MNU[OPTNRACTYES][NOTAPP]@CHOICE@AMACTMNU}{\rtlch\fcs1 \af0 \ltrch\fcs0 \insrsid6230548\charrsid5535977 #}{\rtlch\fcs1 \af0 \ltrch\fcs0 \cs15\v\f1\fs20\cf9\insrsid6230548\charrsid5535977 &lt;/OptDel&gt;&lt;/DocAmend2&gt;}{\rtlch\fcs1 \af0 \ltrch\fcs0 _x000d__x000a_\insrsid6230548\charrsid5535977 _x000d__x000a_\par }\pard \ltrpar\ql \li0\ri0\widctlpar\wrapdefault\aspalpha\aspnum\faauto\adjustright\rin0\lin0\itap0\pararsid14374628 {\rtlch\fcs1 \af0 \ltrch\fcs0 \cs15\v\f1\fs20\cf9\insrsid6230548\charrsid5535977 &lt;Article2&gt;&lt;OptDel&gt;}{\rtlch\fcs1 \af0 \ltrch\fcs0 _x000d__x000a_\insrsid6230548\charrsid5535977 #}{\rtlch\fcs1 \af0 \ltrch\fcs0 \cs22\v\cf15\insrsid6230548\charrsid5535977 MNU[OPTACTPARTYES][NOTAPP]@CHOICE@AMACTMNU}{\rtlch\fcs1 \af0 \ltrch\fcs0 \insrsid6230548\charrsid5535977 #}{\rtlch\fcs1 \af0 \ltrch\fcs0 _x000d__x000a_\cs15\v\f1\fs20\cf9\insrsid6230548\charrsid5535977 &lt;/OptDel&gt;&lt;/Article2&gt;}{\rtlch\fcs1 \af0 \ltrch\fcs0 \insrsid6230548\charrsid5535977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6230548\charrsid5535977 _x000d__x000a_\cell }\pard \ltrpar\ql \li0\ri0\widctlpar\intbl\wrapdefault\aspalpha\aspnum\faauto\adjustright\rin0\lin0 {\rtlch\fcs1 \af0 \ltrch\fcs0 \insrsid6230548\charrsid5535977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6230548\charrsid5535977 #}{\rtlch\fcs1 \af0 \ltrch\fcs0 \cs22\v\cf15\insrsid6230548\charrsid5535977 MNU[OPTLEFTAMACT][LEFTPROP]@CHOICE@AMACTMNU}{\rtlch\fcs1 \af0 \ltrch\fcs0 \insrsid6230548\charrsid5535977 #\cell _x000d__x000a_Amendment\cell }\pard\plain \ltrpar\ql \li0\ri0\widctlpar\intbl\wrapdefault\aspalpha\aspnum\faauto\adjustright\rin0\lin0 \rtlch\fcs1 \af0\afs20\alang1025 \ltrch\fcs0 \fs24\lang2057\langfe2057\cgrid\langnp2057\langfenp2057 {\rtlch\fcs1 \af0 \ltrch\fcs0 _x000d__x000a_\insrsid6230548\charrsid5535977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6230548\charrsid5535977 ##\cell ##}{\rtlch\fcs1 \af0\afs24 \ltrch\fcs0 \insrsid6230548\charrsid5535977 \cell }\pard\plain \ltrpar\ql \li0\ri0\widctlpar\intbl\wrapdefault\aspalpha\aspnum\faauto\adjustright\rin0\lin0 \rtlch\fcs1 _x000d__x000a_\af0\afs20\alang1025 \ltrch\fcs0 \fs24\lang2057\langfe2057\cgrid\langnp2057\langfenp2057 {\rtlch\fcs1 \af0 \ltrch\fcs0 \insrsid6230548\charrsid5535977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6230548\charrsid5535977 Or. }{\rtlch\fcs1 \af0 \ltrch\fcs0 \cs15\v\f1\fs20\cf9\noproof0\insrsid6230548\charrsid5535977 &lt;Original&gt;}{\rtlch\fcs1 \af0 \ltrch\fcs0 \noproof0\insrsid6230548\charrsid5535977 #}{\rtlch\fcs1 \af0 _x000d__x000a_\ltrch\fcs0 \cs22\v\cf15\noproof0\insrsid6230548\charrsid5535977 MNU[ORLANGONE][ORLANGMORE]@CHOICE@ORLANGMNU}{\rtlch\fcs1 \af0 \ltrch\fcs0 \noproof0\insrsid6230548\charrsid5535977 #}{\rtlch\fcs1 \af0 \ltrch\fcs0 _x000d__x000a_\cs15\v\f1\fs20\cf9\noproof0\insrsid6230548\charrsid5535977 &lt;/Original&gt;}{\rtlch\fcs1 \af0 \ltrch\fcs0 \noproof0\insrsid6230548\charrsid5535977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6230548\charrsid5535977 &lt;OptDel&gt;}{\rtlch\fcs1 \af0 \ltrch\fcs0 \insrsid6230548\charrsid5535977 #}{\rtlch\fcs1 \af0 \ltrch\fcs0 \cs22\v\cf15\insrsid6230548\charrsid5535977 MNU[CROSSREFNO][CROSSREFYES]@CHOICE@}_x000d__x000a_{\rtlch\fcs1 \af0 \ltrch\fcs0 \insrsid6230548\charrsid5535977 #}{\rtlch\fcs1 \af0 \ltrch\fcs0 \cs15\i0\v\f1\fs20\cf9\insrsid6230548\charrsid5535977 &lt;/OptDel&gt;}{\rtlch\fcs1 \af0 \ltrch\fcs0 \insrsid6230548\charrsid5535977 _x000d__x000a_\par }\pard\plain \ltrpar\s23\qc \li0\ri0\sb240\sa240\keepn\nowidctlpar\wrapdefault\aspalpha\aspnum\faauto\adjustright\rin0\lin0\itap0\pararsid14374628 \rtlch\fcs1 \af0\afs20\alang1025 \ltrch\fcs0 \i\fs24\lang2057\langfe2057\cgrid\langnp2057\langfenp2057 {_x000d__x000a_\rtlch\fcs1 \af0 \ltrch\fcs0 \cs15\i0\v\f1\fs20\cf9\insrsid6230548\charrsid5535977 &lt;TitreJust&gt;}{\rtlch\fcs1 \af0 \ltrch\fcs0 \insrsid6230548\charrsid5535977 Justification}{\rtlch\fcs1 \af0 \ltrch\fcs0 \cs15\i0\v\f1\fs20\cf9\insrsid6230548\charrsid5535977 _x000d__x000a_&lt;/TitreJust&gt;}{\rtlch\fcs1 \af0 \ltrch\fcs0 \insrsid6230548\charrsid5535977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6230548\charrsid5535977 &lt;OptDelPrev&gt;}{\rtlch\fcs1 \af0 \ltrch\fcs0 \insrsid6230548\charrsid5535977 #}{\rtlch\fcs1 \af0 \ltrch\fcs0 \cs22\v\cf15\insrsid6230548\charrsid5535977 _x000d__x000a_MNU[TEXTJUSTYES][TEXTJUSTNO]@CHOICE@}{\rtlch\fcs1 \af0 \ltrch\fcs0 \insrsid6230548\charrsid5535977 #}{\rtlch\fcs1 \af0 \ltrch\fcs0 \cs15\i0\v\f1\fs20\cf9\insrsid6230548\charrsid5535977 &lt;/OptDelPrev&gt;}{\rtlch\fcs1 \af0 \ltrch\fcs0 _x000d__x000a_\insrsid6230548\charrsid5535977 _x000d__x000a_\par }\pard\plain \ltrpar\ql \li0\ri0\widctlpar\wrapdefault\aspalpha\aspnum\faauto\adjustright\rin0\lin0\itap0\pararsid16324206 \rtlch\fcs1 \af0\afs20\alang1025 \ltrch\fcs0 \fs24\lang2057\langfe2057\cgrid\langnp2057\langfenp2057 {\rtlch\fcs1 \af0 \ltrch\fcs0 _x000d__x000a_\cs15\v\f1\fs20\cf9\insrsid6230548\charrsid5535977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1f_x000d__x000a_a13adc1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057431 HideTWBExt;}{\s16\ql \li0\ri0\sa120\nowidctlpar\wrapdefault\aspalpha\aspnum\faauto\adjustright\rin0\lin0\itap0 \rtlch\fcs1 \af0\afs20\alang1025 \ltrch\fcs0 _x000d__x000a_\fs24\lang2057\langfe2057\cgrid\langnp2057\langfenp2057 \sbasedon0 \snext16 \slink17 \spriority0 \styrsid5057431 Normal6;}{\*\cs17 \additive \fs24 \slink16 \slocked \spriority0 \styrsid5057431 Normal6 Char;}{_x000d__x000a_\s18\ql \li0\ri0\nowidctlpar\wrapdefault\aspalpha\aspnum\faauto\adjustright\rin0\lin0\itap0 \rtlch\fcs1 \af0\afs20\alang1025 \ltrch\fcs0 \b\fs24\lang2057\langfe2057\cgrid\langnp2057\langfenp2057 \sbasedon0 \snext18 \slink19 \spriority0 \styrsid5057431 _x000d__x000a_NormalBold;}{\*\cs19 \additive \b\fs24 \slink18 \slocked \spriority0 \styrsid5057431 NormalBold Char;}{\s20\ql \li0\ri0\sa240\nowidctlpar\wrapdefault\aspalpha\aspnum\faauto\adjustright\rin0\lin0\itap0 \rtlch\fcs1 \af0\afs20\alang1025 \ltrch\fcs0 _x000d__x000a_\i\fs24\lang2057\langfe2057\cgrid\langnp2057\langfenp2057 \sbasedon0 \snext20 \spriority0 \styrsid5057431 Normal12Italic;}{\s21\qc \li0\ri0\sb240\nowidctlpar\wrapdefault\aspalpha\aspnum\faauto\adjustright\rin0\lin0\itap0 \rtlch\fcs1 \af0\afs20\alang1025 _x000d__x000a_\ltrch\fcs0 \i\fs24\lang2057\langfe2057\cgrid\langnp2057\langfenp2057 \sbasedon0 \snext21 \spriority0 \styrsid5057431 CrossRef;}{\*\cs22 \additive \v\cf15 \spriority0 \styrsid5057431 HideTWBInt;}{_x000d__x000a_\s23\qc \li0\ri0\sb240\sa240\keepn\nowidctlpar\wrapdefault\aspalpha\aspnum\faauto\adjustright\rin0\lin0\itap0 \rtlch\fcs1 \af0\afs20\alang1025 \ltrch\fcs0 \i\fs24\lang2057\langfe2057\cgrid\langnp2057\langfenp2057 _x000d__x000a_\sbasedon0 \snext0 \spriority0 \styrsid5057431 JustificationTitle;}{\s24\qr \li0\ri0\sb240\sa240\nowidctlpar\wrapdefault\aspalpha\aspnum\faauto\adjustright\rin0\lin0\itap0 \rtlch\fcs1 \af0\afs20\alang1025 \ltrch\fcs0 _x000d__x000a_\fs24\lang1024\langfe1024\cgrid\noproof\langnp2057\langfenp2057 \sbasedon0 \snext24 \spriority0 \styrsid5057431 Olang;}{\s25\qc \li0\ri0\sa240\nowidctlpar\wrapdefault\aspalpha\aspnum\faauto\adjustright\rin0\lin0\itap0 \rtlch\fcs1 \af0\afs20\alang1025 _x000d__x000a_\ltrch\fcs0 \i\fs24\lang2057\langfe2057\cgrid\langnp2057\langfenp2057 \sbasedon0 \snext25 \spriority0 \styrsid5057431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5057431 AMNumberTabs;}{\s27\ql \li0\ri0\sb240\nowidctlpar\wrapdefault\aspalpha\aspnum\faauto\adjustright\rin0\lin0\itap0 \rtlch\fcs1 _x000d__x000a_\af0\afs20\alang1025 \ltrch\fcs0 \b\fs24\lang2057\langfe2057\cgrid\langnp2057\langfenp2057 \sbasedon0 \snext27 \spriority0 \styrsid5057431 NormalBold12b;}}{\*\rsidtbl \rsid24658\rsid735077\rsid2892074\rsid4666813\rsid5057431\rsid6641733\rsid7285270_x000d__x000a_\rsid9636012\rsid11215221\rsid12154954\rsid14424199\rsid15204470\rsid15285974\rsid15950462\rsid16324206\rsid16662270}{\mmathPr\mmathFont34\mbrkBin0\mbrkBinSub0\msmallFrac0\mdispDef1\mlMargin0\mrMargin0\mdefJc1\mwrapIndent1440\mintLim0\mnaryLim1}{\info_x000d__x000a_{\author SOLL Susan Benzon}{\operator SOLL Susan Benzon}{\creatim\yr2018\mo7\dy3\hr16\min48}{\revtim\yr2018\mo7\dy3\hr16\min48}{\version1}{\edmins0}{\nofpages1}{\nofwords59}{\nofchars657}{\*\company European Parliament}{\nofcharsws661}{\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057431\utinl \fet0{\*\wgrffmtfilter 013f}\ilfomacatclnup0{\*\template C:\\Users\\ssoll\\AppData\\Local\\Temp\\Blank1.dot}{\*\ftnsep \ltrpar \pard\plain \ltrpar_x000d__x000a_\ql \li0\ri0\widctlpar\wrapdefault\aspalpha\aspnum\faauto\adjustright\rin0\lin0\itap0 \rtlch\fcs1 \af0\afs20\alang1025 \ltrch\fcs0 \fs24\lang2057\langfe2057\cgrid\langnp2057\langfenp2057 {\rtlch\fcs1 \af0 \ltrch\fcs0 \insrsid7285270 \chftnsep _x000d__x000a_\par }}{\*\ftnsepc \ltrpar \pard\plain \ltrpar\ql \li0\ri0\widctlpar\wrapdefault\aspalpha\aspnum\faauto\adjustright\rin0\lin0\itap0 \rtlch\fcs1 \af0\afs20\alang1025 \ltrch\fcs0 \fs24\lang2057\langfe2057\cgrid\langnp2057\langfenp2057 {\rtlch\fcs1 \af0 _x000d__x000a_\ltrch\fcs0 \insrsid7285270 \chftnsepc _x000d__x000a_\par }}{\*\aftnsep \ltrpar \pard\plain \ltrpar\ql \li0\ri0\widctlpar\wrapdefault\aspalpha\aspnum\faauto\adjustright\rin0\lin0\itap0 \rtlch\fcs1 \af0\afs20\alang1025 \ltrch\fcs0 \fs24\lang2057\langfe2057\cgrid\langnp2057\langfenp2057 {\rtlch\fcs1 \af0 _x000d__x000a_\ltrch\fcs0 \insrsid7285270 \chftnsep _x000d__x000a_\par }}{\*\aftnsepc \ltrpar \pard\plain \ltrpar\ql \li0\ri0\widctlpar\wrapdefault\aspalpha\aspnum\faauto\adjustright\rin0\lin0\itap0 \rtlch\fcs1 \af0\afs20\alang1025 \ltrch\fcs0 \fs24\lang2057\langfe2057\cgrid\langnp2057\langfenp2057 {\rtlch\fcs1 \af0 _x000d__x000a_\ltrch\fcs0 \insrsid728527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5057431\charrsid5535977 {\*\bkmkstart restart}&lt;}{\rtlch\fcs1 _x000d__x000a_\af0 \ltrch\fcs0 \cs15\b0\v\f1\fs20\cf9\insrsid5057431 Amend}{\rtlch\fcs1 \af0 \ltrch\fcs0 \cs15\b0\v\f1\fs20\cf9\insrsid5057431\charrsid5535977 &gt;}{\rtlch\fcs1 \af0 \ltrch\fcs0 \insrsid5057431\charrsid5535977 Amendment\tab \tab }{\rtlch\fcs1 \af0 _x000d__x000a_\ltrch\fcs0 \cs15\b0\v\f1\fs20\cf9\insrsid5057431\charrsid5535977 &lt;}{\rtlch\fcs1 \af0 \ltrch\fcs0 \cs15\b0\v\f1\fs20\cf9\insrsid5057431 NumAm&gt;}{\rtlch\fcs1 \af0 \ltrch\fcs0 \insrsid5057431\charrsid5535977 #}{\rtlch\fcs1 \af0 \ltrch\fcs0 _x000d__x000a_\cs22\v\cf15\insrsid5057431\charrsid5535977 ENMIENDA@NRAM@}{\rtlch\fcs1 \af0 \ltrch\fcs0 \insrsid5057431\charrsid5535977 #}{\rtlch\fcs1 \af0 \ltrch\fcs0 \cs15\b0\v\f1\fs20\cf9\insrsid5057431\charrsid5535977 &lt;/}{\rtlch\fcs1 \af0 \ltrch\fcs0 _x000d__x000a_\cs15\b0\v\f1\fs20\cf9\insrsid5057431 NumAm&gt;}{\rtlch\fcs1 \af0 \ltrch\fcs0 \insrsid5057431\charrsid5535977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5057431\charrsid5535977 &lt;DocAmend&gt;}{\rtlch\fcs1 \af0 \ltrch\fcs0 \insrsid5057431\charrsid5535977 #}{\rtlch\fcs1 \af0 \ltrch\fcs0 \cs22\v\cf15\insrsid5057431\charrsid5535977 _x000d__x000a_MNU[OPTPROPOSALCOD][OPTPROPOSALCNS][OPTPROPOSALNLE]@CHOICE@CODEMNU}{\rtlch\fcs1 \af0 \ltrch\fcs0 \insrsid5057431\charrsid5535977 ##}{\rtlch\fcs1 \af0 \ltrch\fcs0 \cs22\v\cf15\insrsid5057431\charrsid5535977 MNU[AMACTYES][NOTAPP]@CHOICE@AMACTMNU}{_x000d__x000a_\rtlch\fcs1 \af0 \ltrch\fcs0 \insrsid5057431\charrsid5535977 #}{\rtlch\fcs1 \af0 \ltrch\fcs0 \cs15\b0\v\f1\fs20\cf9\insrsid5057431\charrsid5535977 &lt;/DocAmend&gt;}{\rtlch\fcs1 \af0 \ltrch\fcs0 \insrsid5057431\charrsid5535977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5057431\charrsid5535977 &lt;Article&gt;}{\rtlch\fcs1 \af0 \ltrch\fcs0 \insrsid5057431\charrsid5535977 #}{\rtlch\fcs1 \af0 \ltrch\fcs0 \cs22\v\cf15\insrsid5057431\charrsid5535977 _x000d__x000a_MNU[AMACTPARTYES][AMACTPARTNO]@CHOICE@AMACTMNU}{\rtlch\fcs1 \af0 \ltrch\fcs0 \insrsid5057431\charrsid5535977 #}{\rtlch\fcs1 \af0 \ltrch\fcs0 \cs15\b0\v\f1\fs20\cf9\insrsid5057431\charrsid5535977 &lt;/Article&gt;}{\rtlch\fcs1 \af0 \ltrch\fcs0 _x000d__x000a_\insrsid5057431\charrsid5535977 _x000d__x000a_\par }\pard\plain \ltrpar\ql \li0\ri0\keepn\widctlpar\wrapdefault\aspalpha\aspnum\faauto\adjustright\rin0\lin0\itap0\pararsid14374628 \rtlch\fcs1 \af0\afs20\alang1025 \ltrch\fcs0 \fs24\lang2057\langfe2057\cgrid\langnp2057\langfenp2057 {\rtlch\fcs1 \af0 _x000d__x000a_\ltrch\fcs0 \cs15\v\f1\fs20\cf9\insrsid5057431\charrsid5535977 &lt;DocAmend2&gt;&lt;OptDel&gt;}{\rtlch\fcs1 \af0 \ltrch\fcs0 \insrsid5057431\charrsid5535977 #}{\rtlch\fcs1 \af0 \ltrch\fcs0 \cs22\v\cf15\insrsid5057431\charrsid5535977 _x000d__x000a_MNU[OPTNRACTYES][NOTAPP]@CHOICE@AMACTMNU}{\rtlch\fcs1 \af0 \ltrch\fcs0 \insrsid5057431\charrsid5535977 #}{\rtlch\fcs1 \af0 \ltrch\fcs0 \cs15\v\f1\fs20\cf9\insrsid5057431\charrsid5535977 &lt;/OptDel&gt;&lt;/DocAmend2&gt;}{\rtlch\fcs1 \af0 \ltrch\fcs0 _x000d__x000a_\insrsid5057431\charrsid5535977 _x000d__x000a_\par }\pard \ltrpar\ql \li0\ri0\widctlpar\wrapdefault\aspalpha\aspnum\faauto\adjustright\rin0\lin0\itap0\pararsid14374628 {\rtlch\fcs1 \af0 \ltrch\fcs0 \cs15\v\f1\fs20\cf9\insrsid5057431\charrsid5535977 &lt;Article2&gt;&lt;OptDel&gt;}{\rtlch\fcs1 \af0 \ltrch\fcs0 _x000d__x000a_\insrsid5057431\charrsid5535977 #}{\rtlch\fcs1 \af0 \ltrch\fcs0 \cs22\v\cf15\insrsid5057431\charrsid5535977 MNU[OPTACTPARTYES][NOTAPP]@CHOICE@AMACTMNU}{\rtlch\fcs1 \af0 \ltrch\fcs0 \insrsid5057431\charrsid5535977 #}{\rtlch\fcs1 \af0 \ltrch\fcs0 _x000d__x000a_\cs15\v\f1\fs20\cf9\insrsid5057431\charrsid5535977 &lt;/OptDel&gt;&lt;/Article2&gt;}{\rtlch\fcs1 \af0 \ltrch\fcs0 \insrsid5057431\charrsid5535977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5057431\charrsid5535977 _x000d__x000a_\cell }\pard \ltrpar\ql \li0\ri0\widctlpar\intbl\wrapdefault\aspalpha\aspnum\faauto\adjustright\rin0\lin0 {\rtlch\fcs1 \af0 \ltrch\fcs0 \insrsid5057431\charrsid5535977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5057431\charrsid5535977 #}{\rtlch\fcs1 \af0 \ltrch\fcs0 \cs22\v\cf15\insrsid5057431\charrsid5535977 MNU[OPTLEFTAMACT][LEFTPROP]@CHOICE@AMACTMNU}{\rtlch\fcs1 \af0 \ltrch\fcs0 \insrsid5057431\charrsid5535977 #\cell _x000d__x000a_Amendment\cell }\pard\plain \ltrpar\ql \li0\ri0\widctlpar\intbl\wrapdefault\aspalpha\aspnum\faauto\adjustright\rin0\lin0 \rtlch\fcs1 \af0\afs20\alang1025 \ltrch\fcs0 \fs24\lang2057\langfe2057\cgrid\langnp2057\langfenp2057 {\rtlch\fcs1 \af0 \ltrch\fcs0 _x000d__x000a_\insrsid5057431\charrsid5535977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5057431\charrsid5535977 ##\cell ##}{\rtlch\fcs1 \af0\afs24 \ltrch\fcs0 \insrsid5057431\charrsid5535977 \cell }\pard\plain \ltrpar\ql \li0\ri0\widctlpar\intbl\wrapdefault\aspalpha\aspnum\faauto\adjustright\rin0\lin0 \rtlch\fcs1 _x000d__x000a_\af0\afs20\alang1025 \ltrch\fcs0 \fs24\lang2057\langfe2057\cgrid\langnp2057\langfenp2057 {\rtlch\fcs1 \af0 \ltrch\fcs0 \insrsid5057431\charrsid5535977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5057431\charrsid5535977 Or. }{\rtlch\fcs1 \af0 \ltrch\fcs0 \cs15\v\f1\fs20\cf9\noproof0\insrsid5057431\charrsid5535977 &lt;Original&gt;}{\rtlch\fcs1 \af0 \ltrch\fcs0 \noproof0\insrsid5057431\charrsid5535977 #}{\rtlch\fcs1 \af0 _x000d__x000a_\ltrch\fcs0 \cs22\v\cf15\noproof0\insrsid5057431\charrsid5535977 MNU[ORLANGONE][ORLANGMORE]@CHOICE@ORLANGMNU}{\rtlch\fcs1 \af0 \ltrch\fcs0 \noproof0\insrsid5057431\charrsid5535977 #}{\rtlch\fcs1 \af0 \ltrch\fcs0 _x000d__x000a_\cs15\v\f1\fs20\cf9\noproof0\insrsid5057431\charrsid5535977 &lt;/Original&gt;}{\rtlch\fcs1 \af0 \ltrch\fcs0 \noproof0\insrsid5057431\charrsid5535977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5057431\charrsid5535977 &lt;OptDel&gt;}{\rtlch\fcs1 \af0 \ltrch\fcs0 \insrsid5057431\charrsid5535977 #}{\rtlch\fcs1 \af0 \ltrch\fcs0 \cs22\v\cf15\insrsid5057431\charrsid5535977 MNU[CROSSREFNO][CROSSREFYES]@CHOICE@}_x000d__x000a_{\rtlch\fcs1 \af0 \ltrch\fcs0 \insrsid5057431\charrsid5535977 #}{\rtlch\fcs1 \af0 \ltrch\fcs0 \cs15\i0\v\f1\fs20\cf9\insrsid5057431\charrsid5535977 &lt;/OptDel&gt;}{\rtlch\fcs1 \af0 \ltrch\fcs0 \insrsid5057431\charrsid5535977 _x000d__x000a_\par }\pard\plain \ltrpar\s23\qc \li0\ri0\sb240\sa240\keepn\nowidctlpar\wrapdefault\aspalpha\aspnum\faauto\adjustright\rin0\lin0\itap0\pararsid14374628 \rtlch\fcs1 \af0\afs20\alang1025 \ltrch\fcs0 \i\fs24\lang2057\langfe2057\cgrid\langnp2057\langfenp2057 {_x000d__x000a_\rtlch\fcs1 \af0 \ltrch\fcs0 \cs15\i0\v\f1\fs20\cf9\insrsid5057431\charrsid5535977 &lt;TitreJust&gt;}{\rtlch\fcs1 \af0 \ltrch\fcs0 \insrsid5057431\charrsid5535977 Justification}{\rtlch\fcs1 \af0 \ltrch\fcs0 \cs15\i0\v\f1\fs20\cf9\insrsid5057431\charrsid5535977 _x000d__x000a_&lt;/TitreJust&gt;}{\rtlch\fcs1 \af0 \ltrch\fcs0 \insrsid5057431\charrsid5535977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5057431\charrsid5535977 &lt;OptDelPrev&gt;}{\rtlch\fcs1 \af0 \ltrch\fcs0 \insrsid5057431\charrsid5535977 #}{\rtlch\fcs1 \af0 \ltrch\fcs0 \cs22\v\cf15\insrsid5057431\charrsid5535977 _x000d__x000a_MNU[TEXTJUSTYES][TEXTJUSTNO]@CHOICE@}{\rtlch\fcs1 \af0 \ltrch\fcs0 \insrsid5057431\charrsid5535977 #}{\rtlch\fcs1 \af0 \ltrch\fcs0 \cs15\i0\v\f1\fs20\cf9\insrsid5057431\charrsid5535977 &lt;/OptDelPrev&gt;}{\rtlch\fcs1 \af0 \ltrch\fcs0 _x000d__x000a_\insrsid5057431\charrsid5535977 _x000d__x000a_\par }\pard\plain \ltrpar\ql \li0\ri0\widctlpar\wrapdefault\aspalpha\aspnum\faauto\adjustright\rin0\lin0\itap0\pararsid16324206 \rtlch\fcs1 \af0\afs20\alang1025 \ltrch\fcs0 \fs24\lang2057\langfe2057\cgrid\langnp2057\langfenp2057 {\rtlch\fcs1 \af0 \ltrch\fcs0 _x000d__x000a_\cs15\v\f1\fs20\cf9\insrsid5057431\charrsid5535977 &lt;/}{\rtlch\fcs1 \af0 \ltrch\fcs0 \cs15\v\f1\fs20\cf9\insrsid5057431 Amend}{\rtlch\fcs1 \af0 \ltrch\fcs0 \cs15\v\f1\fs20\cf9\insrsid5057431\charrsid5535977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5e_x000d__x000a_84dadc1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568431 HideTWBExt;}{\s16\ql \li0\ri0\sa120\nowidctlpar\wrapdefault\aspalpha\aspnum\faauto\adjustright\rin0\lin0\itap0 \rtlch\fcs1 \af0\afs20\alang1025 \ltrch\fcs0 _x000d__x000a_\fs24\lang2057\langfe2057\cgrid\langnp2057\langfenp2057 \sbasedon0 \snext16 \slink17 \spriority0 \styrsid14568431 Normal6;}{\*\cs17 \additive \fs24 \slink16 \slocked \spriority0 \styrsid14568431 Normal6 Char;}{_x000d__x000a_\s18\ql \li0\ri0\nowidctlpar\wrapdefault\aspalpha\aspnum\faauto\adjustright\rin0\lin0\itap0 \rtlch\fcs1 \af0\afs20\alang1025 \ltrch\fcs0 \b\fs24\lang2057\langfe2057\cgrid\langnp2057\langfenp2057 \sbasedon0 \snext18 \slink19 \spriority0 \styrsid14568431 _x000d__x000a_NormalBold;}{\*\cs19 \additive \b\fs24 \slink18 \slocked \spriority0 \styrsid14568431 NormalBold Char;}{\s20\ql \li0\ri0\sa240\nowidctlpar\wrapdefault\aspalpha\aspnum\faauto\adjustright\rin0\lin0\itap0 \rtlch\fcs1 \af0\afs20\alang1025 \ltrch\fcs0 _x000d__x000a_\i\fs24\lang2057\langfe2057\cgrid\langnp2057\langfenp2057 \sbasedon0 \snext20 \spriority0 \styrsid14568431 Normal12Italic;}{\s21\qc \li0\ri0\sb240\sa240\keepn\nowidctlpar\wrapdefault\aspalpha\aspnum\faauto\adjustright\rin0\lin0\itap0 \rtlch\fcs1 _x000d__x000a_\af0\afs20\alang1025 \ltrch\fcs0 \i\fs24\lang2057\langfe2057\cgrid\langnp2057\langfenp2057 \sbasedon0 \snext0 \spriority0 \styrsid14568431 JustificationTitle;}{_x000d__x000a_\s22\qc \li0\ri0\sa240\nowidctlpar\wrapdefault\aspalpha\aspnum\faauto\adjustright\rin0\lin0\itap0 \rtlch\fcs1 \af0\afs20\alang1025 \ltrch\fcs0 \i\fs24\lang2057\langfe2057\cgrid\langnp2057\langfenp2057 \sbasedon0 \snext22 \spriority0 \styrsid14568431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14568431 AMNumberTabs;}{_x000d__x000a_\s24\ql \li0\ri0\sb240\nowidctlpar\wrapdefault\aspalpha\aspnum\faauto\adjustright\rin0\lin0\itap0 \rtlch\fcs1 \af0\afs20\alang1025 \ltrch\fcs0 \b\fs24\lang2057\langfe2057\cgrid\langnp2057\langfenp2057 \sbasedon0 \snext24 \spriority0 \styrsid14568431 _x000d__x000a_NormalBold12b;}}{\*\rsidtbl \rsid24658\rsid735077\rsid2888450\rsid2892074\rsid4666813\rsid6641733\rsid9636012\rsid11215221\rsid12154954\rsid14424199\rsid14568431\rsid15204470\rsid15285974\rsid15950462\rsid16324206\rsid16662270}{\mmathPr\mmathFont34_x000d__x000a_\mbrkBin0\mbrkBinSub0\msmallFrac0\mdispDef1\mlMargin0\mrMargin0\mdefJc1\mwrapIndent1440\mintLim0\mnaryLim1}{\info{\author CERVENANSKA Ivona}{\operator CERVENANSKA Ivona}{\creatim\yr2018\mo11\dy15\hr15\min50}{\revtim\yr2018\mo11\dy15\hr15\min50}{\version1}_x000d__x000a_{\edmins0}{\nofpages1}{\nofwords34}{\nofchars206}{\*\company European Parliament}{\nofcharsws23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568431\utinl \fet0{\*\wgrffmtfilter 013f}\ilfomacatclnup0{\*\template C:\\Users\\ICERVE~1\\AppData\\Local\\Temp\\Blank1.dot}{\*\ftnsep \ltrpar \pard\plain \ltrpar_x000d__x000a_\ql \li0\ri0\widctlpar\wrapdefault\aspalpha\aspnum\faauto\adjustright\rin0\lin0\itap0 \rtlch\fcs1 \af0\afs20\alang1025 \ltrch\fcs0 \fs24\lang2057\langfe2057\cgrid\langnp2057\langfenp2057 {\rtlch\fcs1 \af0 \ltrch\fcs0 \insrsid2888450 \chftnsep _x000d__x000a_\par }}{\*\ftnsepc \ltrpar \pard\plain \ltrpar\ql \li0\ri0\widctlpar\wrapdefault\aspalpha\aspnum\faauto\adjustright\rin0\lin0\itap0 \rtlch\fcs1 \af0\afs20\alang1025 \ltrch\fcs0 \fs24\lang2057\langfe2057\cgrid\langnp2057\langfenp2057 {\rtlch\fcs1 \af0 _x000d__x000a_\ltrch\fcs0 \insrsid2888450 \chftnsepc _x000d__x000a_\par }}{\*\aftnsep \ltrpar \pard\plain \ltrpar\ql \li0\ri0\widctlpar\wrapdefault\aspalpha\aspnum\faauto\adjustright\rin0\lin0\itap0 \rtlch\fcs1 \af0\afs20\alang1025 \ltrch\fcs0 \fs24\lang2057\langfe2057\cgrid\langnp2057\langfenp2057 {\rtlch\fcs1 \af0 _x000d__x000a_\ltrch\fcs0 \insrsid2888450 \chftnsep _x000d__x000a_\par }}{\*\aftnsepc \ltrpar \pard\plain \ltrpar\ql \li0\ri0\widctlpar\wrapdefault\aspalpha\aspnum\faauto\adjustright\rin0\lin0\itap0 \rtlch\fcs1 \af0\afs20\alang1025 \ltrch\fcs0 \fs24\lang2057\langfe2057\cgrid\langnp2057\langfenp2057 {\rtlch\fcs1 \af0 _x000d__x000a_\ltrch\fcs0 \insrsid28884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4568431 \rtlch\fcs1 \af0\afs20\alang1025 \ltrch\fcs0 \b\fs24\lang2057\langfe2057\cgrid\langnp2057\langfenp2057 {\rtlch\fcs1 \af0 \ltrch\fcs0 \cs15\b0\v\f1\fs20\cf9\insrsid14568431\charrsid15879488 {\*\bkmkstart restartA}&lt;AmendA&gt;}{_x000d__x000a_\rtlch\fcs1 \af0 \ltrch\fcs0 \insrsid14568431\charrsid15879488 [ZAMENDMENT]\tab \tab }{\rtlch\fcs1 \af0 \ltrch\fcs0 \cs15\b0\v\f1\fs20\cf9\insrsid14568431\charrsid15879488 &lt;NumAmA&gt;}{\rtlch\fcs1 \af0 \ltrch\fcs0 \insrsid14568431\charrsid15879488 [ZNRAM]}{_x000d__x000a_\rtlch\fcs1 \af0 \ltrch\fcs0 \cs15\b0\v\f1\fs20\cf9\insrsid14568431\charrsid15879488 &lt;/NumAmA&gt;}{\rtlch\fcs1 \af0 \ltrch\fcs0 \insrsid14568431\charrsid15879488 _x000d__x000a_\par }\pard\plain \ltrpar\s24\ql \li0\ri0\sb240\keepn\nowidctlpar\wrapdefault\aspalpha\aspnum\faauto\adjustright\rin0\lin0\itap0\pararsid14568431 \rtlch\fcs1 \af0\afs20\alang1025 \ltrch\fcs0 \b\fs24\lang2057\langfe2057\cgrid\langnp2057\langfenp2057 {_x000d__x000a_\rtlch\fcs1 \af0 \ltrch\fcs0 \cs15\b0\v\f1\fs20\cf9\insrsid14568431\charrsid15879488 &lt;DocAmend&gt;}{\rtlch\fcs1 \af0 \ltrch\fcs0 \insrsid14568431\charrsid15879488 [ZRESOLUTION]}{\rtlch\fcs1 \af0 \ltrch\fcs0 _x000d__x000a_\cs15\b0\v\f1\fs20\cf9\insrsid14568431\charrsid15879488 &lt;/DocAmend&gt;}{\rtlch\fcs1 \af0 \ltrch\fcs0 \insrsid14568431\charrsid15879488 _x000d__x000a_\par }\pard\plain \ltrpar\s18\ql \li0\ri0\nowidctlpar\wrapdefault\aspalpha\aspnum\faauto\adjustright\rin0\lin0\itap0\pararsid14568431 \rtlch\fcs1 \af0\afs20\alang1025 \ltrch\fcs0 \b\fs24\lang2057\langfe2057\cgrid\langnp2057\langfenp2057 {\rtlch\fcs1 \af0 _x000d__x000a_\ltrch\fcs0 \cs15\b0\v\f1\fs20\cf9\insrsid14568431\charrsid15879488 &lt;Article&gt;}{\rtlch\fcs1 \af0 \ltrch\fcs0 \insrsid14568431\charrsid15879488 [ZRESPART]}{\rtlch\fcs1 \af0 \ltrch\fcs0 \cs15\b0\v\f1\fs20\cf9\insrsid14568431\charrsid15879488 &lt;/Article&gt;}{_x000d__x000a_\rtlch\fcs1 \af0 \ltrch\fcs0 \cs19\b0\insrsid14568431\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4568431\charrsid15879488 \cell }\pard \ltrpar\ql \li0\ri0\widctlpar\intbl\wrapdefault\aspalpha\aspnum\faauto\adjustright\rin0\lin0 {\rtlch\fcs1 \af0 _x000d__x000a_\ltrch\fcs0 \insrsid14568431\charrsid1587948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4568431\charrsid15879488 [ZLEFTA]\cell [ZRIGHT]\cell }\pard\plain \ltrpar\ql \li0\ri0\widctlpar\intbl\wrapdefault\aspalpha\aspnum\faauto\adjustright\rin0\lin0 \rtlch\fcs1 \af0\afs20\alang1025 \ltrch\fcs0 _x000d__x000a_\fs24\lang2057\langfe2057\cgrid\langnp2057\langfenp2057 {\rtlch\fcs1 \af0 \ltrch\fcs0 \insrsid14568431\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4568431\charrsid15879488 [ZTEXTL]\cell [ZTEXTR]}{\rtlch\fcs1 \af0\afs24 \ltrch\fcs0 \insrsid14568431\charrsid15879488 \cell }\pard\plain \ltrpar\ql \li0\ri0\widctlpar\intbl\wrapdefault\aspalpha\aspnum\faauto\adjustright\rin0\lin0 \rtlch\fcs1 _x000d__x000a_\af0\afs20\alang1025 \ltrch\fcs0 \fs24\lang2057\langfe2057\cgrid\langnp2057\langfenp2057 {\rtlch\fcs1 \af0 \ltrch\fcs0 \insrsid14568431\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4568431 \rtlch\fcs1 \af0\afs20\alang1025 \ltrch\fcs0 \i\fs24\lang2057\langfe2057\cgrid\langnp2057\langfenp2057 {\rtlch\fcs1 \af0 _x000d__x000a_\ltrch\fcs0 \cs15\i0\v\f1\fs20\cf9\insrsid14568431\charrsid15879488 &lt;TitreJust&gt;}{\rtlch\fcs1 \af0 \ltrch\fcs0 \insrsid14568431\charrsid15879488 [ZJUSTIFICATION]}{\rtlch\fcs1 \af0 \ltrch\fcs0 \cs15\i0\v\f1\fs20\cf9\insrsid14568431\charrsid15879488 _x000d__x000a_&lt;/TitreJust&gt;}{\rtlch\fcs1 \af0 \ltrch\fcs0 \insrsid14568431\charrsid15879488 _x000d__x000a_\par }\pard\plain \ltrpar\s20\ql \li0\ri0\sa240\nowidctlpar\wrapdefault\aspalpha\aspnum\faauto\adjustright\rin0\lin0\itap0\pararsid14568431 \rtlch\fcs1 \af0\afs20\alang1025 \ltrch\fcs0 \i\fs24\lang2057\langfe2057\cgrid\langnp2057\langfenp2057 {\rtlch\fcs1 _x000d__x000a_\af0 \ltrch\fcs0 \cs15\i0\v\f1\fs20\cf9\insrsid14568431\charrsid15879488 &lt;OptDelPrev&gt;}{\rtlch\fcs1 \af0 \ltrch\fcs0 \insrsid14568431\charrsid15879488 [ZTEXTJUST]}{\rtlch\fcs1 \af0 \ltrch\fcs0 \cs15\i0\v\f1\fs20\cf9\insrsid14568431\charrsid15879488 _x000d__x000a_&lt;/OptDelPrev&gt;}{\rtlch\fcs1 \af0 \ltrch\fcs0 \insrsid14568431\charrsid15879488 _x000d__x000a_\par }\pard\plain \ltrpar\ql \li0\ri0\widctlpar\wrapdefault\aspalpha\aspnum\faauto\adjustright\rin0\lin0\itap0\pararsid14568431 \rtlch\fcs1 \af0\afs20\alang1025 \ltrch\fcs0 \fs24\lang2057\langfe2057\cgrid\langnp2057\langfenp2057 {\rtlch\fcs1 \af0 \ltrch\fcs0 _x000d__x000a_\cs15\v\f1\fs20\cf9\insrsid14568431\charrsid15879488 &lt;/AmendA&gt;}{\rtlch\fcs1 \af0 \ltrch\fcs0 \insrsid14568431\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f4_x000d__x000a_4a81f2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265554 HideTWBExt;}{\s16\ql \li0\ri0\sa120\nowidctlpar\wrapdefault\aspalpha\aspnum\faauto\adjustright\rin0\lin0\itap0 \rtlch\fcs1 \af0\afs20\alang1025 \ltrch\fcs0 _x000d__x000a_\fs24\lang2057\langfe2057\cgrid\langnp2057\langfenp2057 \sbasedon0 \snext16 \slink17 \spriority0 \styrsid4265554 Normal6;}{\*\cs17 \additive \fs24 \slink16 \slocked \spriority0 \styrsid4265554 Normal6 Char;}{_x000d__x000a_\s18\ql \li0\ri0\nowidctlpar\wrapdefault\aspalpha\aspnum\faauto\adjustright\rin0\lin0\itap0 \rtlch\fcs1 \af0\afs20\alang1025 \ltrch\fcs0 \b\fs24\lang2057\langfe2057\cgrid\langnp2057\langfenp2057 \sbasedon0 \snext18 \slink19 \spriority0 \styrsid4265554 _x000d__x000a_NormalBold;}{\*\cs19 \additive \b\fs24 \slink18 \slocked \spriority0 \styrsid4265554 NormalBold Char;}{\s20\ql \li0\ri0\sa240\nowidctlpar\wrapdefault\aspalpha\aspnum\faauto\adjustright\rin0\lin0\itap0 \rtlch\fcs1 \af0\afs20\alang1025 \ltrch\fcs0 _x000d__x000a_\i\fs24\lang2057\langfe2057\cgrid\langnp2057\langfenp2057 \sbasedon0 \snext20 \spriority0 \styrsid4265554 Normal12Italic;}{\s21\qc \li0\ri0\sb240\nowidctlpar\wrapdefault\aspalpha\aspnum\faauto\adjustright\rin0\lin0\itap0 \rtlch\fcs1 \af0\afs20\alang1025 _x000d__x000a_\ltrch\fcs0 \i\fs24\lang2057\langfe2057\cgrid\langnp2057\langfenp2057 \sbasedon0 \snext21 \spriority0 \styrsid4265554 CrossRef;}{\s22\qc \li0\ri0\sb240\sa240\keepn\nowidctlpar\wrapdefault\aspalpha\aspnum\faauto\adjustright\rin0\lin0\itap0 \rtlch\fcs1 _x000d__x000a_\af0\afs20\alang1025 \ltrch\fcs0 \i\fs24\lang2057\langfe2057\cgrid\langnp2057\langfenp2057 \sbasedon0 \snext0 \spriority0 \styrsid4265554 JustificationTitle;}{_x000d__x000a_\s23\qc \li0\ri0\sa240\nowidctlpar\wrapdefault\aspalpha\aspnum\faauto\adjustright\rin0\lin0\itap0 \rtlch\fcs1 \af0\afs20\alang1025 \ltrch\fcs0 \i\fs24\lang2057\langfe2057\cgrid\langnp2057\langfenp2057 \sbasedon0 \snext23 \spriority0 \styrsid4265554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4265554 AMNumberTabs;}{_x000d__x000a_\s25\ql \li0\ri0\sb240\nowidctlpar\wrapdefault\aspalpha\aspnum\faauto\adjustright\rin0\lin0\itap0 \rtlch\fcs1 \af0\afs20\alang1025 \ltrch\fcs0 \b\fs24\lang2057\langfe2057\cgrid\langnp2057\langfenp2057 \sbasedon0 \snext25 \spriority0 \styrsid4265554 _x000d__x000a_NormalBold12b;}}{\*\rsidtbl \rsid24658\rsid735077\rsid1930764\rsid2892074\rsid4265554\rsid4666813\rsid6641733\rsid9636012\rsid11215221\rsid12154954\rsid14424199\rsid15204470\rsid15285974\rsid15950462\rsid16324206\rsid16662270}{\mmathPr\mmathFont34_x000d__x000a_\mbrkBin0\mbrkBinSub0\msmallFrac0\mdispDef1\mlMargin0\mrMargin0\mdefJc1\mwrapIndent1440\mintLim0\mnaryLim1}{\info{\author CERVENANSKA Ivona}{\operator CERVENANSKA Ivona}{\creatim\yr2018\mo11\dy15\hr15\min50}{\revtim\yr2018\mo11\dy15\hr15\min50}{\version1}_x000d__x000a_{\edmins0}{\nofpages1}{\nofwords54}{\nofchars318}{\*\company European Parliament}{\nofcharsws369}{\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265554\utinl \fet0{\*\wgrffmtfilter 013f}\ilfomacatclnup0{\*\template C:\\Users\\ICERVE~1\\AppData\\Local\\Temp\\Blank1.dot}{\*\ftnsep \ltrpar \pard\plain \ltrpar_x000d__x000a_\ql \li0\ri0\widctlpar\wrapdefault\aspalpha\aspnum\faauto\adjustright\rin0\lin0\itap0 \rtlch\fcs1 \af0\afs20\alang1025 \ltrch\fcs0 \fs24\lang2057\langfe2057\cgrid\langnp2057\langfenp2057 {\rtlch\fcs1 \af0 \ltrch\fcs0 \insrsid1930764 \chftnsep _x000d__x000a_\par }}{\*\ftnsepc \ltrpar \pard\plain \ltrpar\ql \li0\ri0\widctlpar\wrapdefault\aspalpha\aspnum\faauto\adjustright\rin0\lin0\itap0 \rtlch\fcs1 \af0\afs20\alang1025 \ltrch\fcs0 \fs24\lang2057\langfe2057\cgrid\langnp2057\langfenp2057 {\rtlch\fcs1 \af0 _x000d__x000a_\ltrch\fcs0 \insrsid1930764 \chftnsepc _x000d__x000a_\par }}{\*\aftnsep \ltrpar \pard\plain \ltrpar\ql \li0\ri0\widctlpar\wrapdefault\aspalpha\aspnum\faauto\adjustright\rin0\lin0\itap0 \rtlch\fcs1 \af0\afs20\alang1025 \ltrch\fcs0 \fs24\lang2057\langfe2057\cgrid\langnp2057\langfenp2057 {\rtlch\fcs1 \af0 _x000d__x000a_\ltrch\fcs0 \insrsid1930764 \chftnsep _x000d__x000a_\par }}{\*\aftnsepc \ltrpar \pard\plain \ltrpar\ql \li0\ri0\widctlpar\wrapdefault\aspalpha\aspnum\faauto\adjustright\rin0\lin0\itap0 \rtlch\fcs1 \af0\afs20\alang1025 \ltrch\fcs0 \fs24\lang2057\langfe2057\cgrid\langnp2057\langfenp2057 {\rtlch\fcs1 \af0 _x000d__x000a_\ltrch\fcs0 \insrsid19307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4265554 \rtlch\fcs1 \af0\afs20\alang1025 \ltrch\fcs0 \b\fs24\lang2057\langfe2057\cgrid\langnp2057\langfenp2057 {\rtlch\fcs1 \af0 \ltrch\fcs0 \cs15\b0\v\f1\fs20\cf9\insrsid4265554\charrsid15879488 {\*\bkmkstart restartB}&lt;AmendB&gt;}{_x000d__x000a_\rtlch\fcs1 \af0 \ltrch\fcs0 \insrsid4265554\charrsid15879488 [ZAMENDMENT]\tab \tab }{\rtlch\fcs1 \af0 \ltrch\fcs0 \cs15\b0\v\f1\fs20\cf9\insrsid4265554\charrsid15879488 &lt;NumAmB&gt;}{\rtlch\fcs1 \af0 \ltrch\fcs0 \insrsid4265554\charrsid15879488 [ZNRAM]}{_x000d__x000a_\rtlch\fcs1 \af0 \ltrch\fcs0 \cs15\b0\v\f1\fs20\cf9\insrsid4265554\charrsid15879488 &lt;/NumAmB&gt;}{\rtlch\fcs1 \af0 \ltrch\fcs0 \insrsid4265554\charrsid15879488 _x000d__x000a_\par }\pard\plain \ltrpar\s25\ql \li0\ri0\sb240\keepn\nowidctlpar\wrapdefault\aspalpha\aspnum\faauto\adjustright\rin0\lin0\itap0\pararsid4265554 \rtlch\fcs1 \af0\afs20\alang1025 \ltrch\fcs0 \b\fs24\lang2057\langfe2057\cgrid\langnp2057\langfenp2057 {_x000d__x000a_\rtlch\fcs1 \af0 \ltrch\fcs0 \cs15\b0\v\f1\fs20\cf9\insrsid4265554\charrsid15879488 &lt;DocAmend&gt;}{\rtlch\fcs1 \af0 \ltrch\fcs0 \insrsid4265554\charrsid15879488 [ZPROPOSAL][ZAMACT]}{\rtlch\fcs1 \af0 \ltrch\fcs0 _x000d__x000a_\cs15\b0\v\f1\fs20\cf9\insrsid4265554\charrsid15879488 &lt;/DocAmend&gt;}{\rtlch\fcs1 \af0 \ltrch\fcs0 \insrsid4265554\charrsid15879488 _x000d__x000a_\par }\pard\plain \ltrpar\s18\ql \li0\ri0\keepn\nowidctlpar\wrapdefault\aspalpha\aspnum\faauto\adjustright\rin0\lin0\itap0\pararsid4265554 \rtlch\fcs1 \af0\afs20\alang1025 \ltrch\fcs0 \b\fs24\lang2057\langfe2057\cgrid\langnp2057\langfenp2057 {\rtlch\fcs1 \af0 _x000d__x000a_\ltrch\fcs0 \cs15\b0\v\f1\fs20\cf9\insrsid4265554\charrsid15879488 &lt;Article&gt;}{\rtlch\fcs1 \af0 \ltrch\fcs0 \insrsid4265554\charrsid15879488 [ZAMPART]}{\rtlch\fcs1 \af0 \ltrch\fcs0 \cs15\b0\v\f1\fs20\cf9\insrsid4265554\charrsid15879488 &lt;/Article&gt;}{_x000d__x000a_\rtlch\fcs1 \af0 \ltrch\fcs0 \insrsid4265554\charrsid15879488 _x000d__x000a_\par }\pard\plain \ltrpar\ql \li0\ri0\keepn\widctlpar\wrapdefault\aspalpha\aspnum\faauto\adjustright\rin0\lin0\itap0\pararsid4265554 \rtlch\fcs1 \af0\afs20\alang1025 \ltrch\fcs0 \fs24\lang2057\langfe2057\cgrid\langnp2057\langfenp2057 {\rtlch\fcs1 \af0 _x000d__x000a_\ltrch\fcs0 \cs15\v\f1\fs20\cf9\insrsid4265554\charrsid15879488 &lt;DocAmend2&gt;&lt;OptDel&gt;}{\rtlch\fcs1 \af0 \ltrch\fcs0 \insrsid4265554\charrsid15879488 [ZNRACT]}{\rtlch\fcs1 \af0 \ltrch\fcs0 \cs15\v\f1\fs20\cf9\insrsid4265554\charrsid15879488 _x000d__x000a_&lt;/OptDel&gt;&lt;/DocAmend2&gt;}{\rtlch\fcs1 \af0 \ltrch\fcs0 \insrsid4265554\charrsid15879488 _x000d__x000a_\par }\pard \ltrpar\ql \li0\ri0\widctlpar\wrapdefault\aspalpha\aspnum\faauto\adjustright\rin0\lin0\itap0\pararsid4265554 {\rtlch\fcs1 \af0 \ltrch\fcs0 \cs15\v\f1\fs20\cf9\insrsid4265554\charrsid15879488 &lt;Article2&gt;&lt;OptDel&gt;}{\rtlch\fcs1 \af0 \ltrch\fcs0 _x000d__x000a_\insrsid4265554\charrsid15879488 [ZACTPART]}{\rtlch\fcs1 \af0 \ltrch\fcs0 \cs15\v\f1\fs20\cf9\insrsid4265554\charrsid15879488 &lt;/OptDel&gt;&lt;/Article2&gt;}{\rtlch\fcs1 \af0 \ltrch\fcs0 \insrsid4265554\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4265554\charrsid15879488 \cell }\pard \ltrpar\ql \li0\ri0\widctlpar\intbl\wrapdefault\aspalpha\aspnum\faauto\adjustright\rin0\lin0 {\rtlch\fcs1 \af0 \ltrch\fcs0 \insrsid4265554\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4265554\charrsid15879488 [ZLEFTB]\cell [ZRIGHT]\cell }\pard\plain \ltrpar\ql \li0\ri0\widctlpar\intbl\wrapdefault\aspalpha\aspnum\faauto\adjustright\rin0\lin0 \rtlch\fcs1 \af0\afs20\alang1025 \ltrch\fcs0 _x000d__x000a_\fs24\lang2057\langfe2057\cgrid\langnp2057\langfenp2057 {\rtlch\fcs1 \af0 \ltrch\fcs0 \insrsid4265554\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4265554\charrsid15879488 [ZTEXTL]\cell [ZTEXTR]}{\rtlch\fcs1 \af0\afs24 \ltrch\fcs0 \insrsid4265554\charrsid15879488 \cell }\pard\plain \ltrpar\ql \li0\ri0\widctlpar\intbl\wrapdefault\aspalpha\aspnum\faauto\adjustright\rin0\lin0 \rtlch\fcs1 _x000d__x000a_\af0\afs20\alang1025 \ltrch\fcs0 \fs24\lang2057\langfe2057\cgrid\langnp2057\langfenp2057 {\rtlch\fcs1 \af0 \ltrch\fcs0 \insrsid4265554\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4265554 \rtlch\fcs1 \af0\afs20\alang1025 \ltrch\fcs0 \i\fs24\lang2057\langfe2057\cgrid\langnp2057\langfenp2057 {\rtlch\fcs1 \af0 \ltrch\fcs0 _x000d__x000a_\cs15\i0\v\f1\fs20\cf9\insrsid4265554\charrsid15879488 &lt;OptDel&gt;}{\rtlch\fcs1 \af0 \ltrch\fcs0 \insrsid4265554\charrsid15879488 [ZCROSSREF]}{\rtlch\fcs1 \af0 \ltrch\fcs0 \cs15\i0\v\f1\fs20\cf9\insrsid4265554\charrsid15879488 &lt;/OptDel&gt;}{\rtlch\fcs1 \af0 _x000d__x000a_\ltrch\fcs0 \insrsid4265554\charrsid15879488 _x000d__x000a_\par }\pard\plain \ltrpar\s22\qc \li0\ri0\sb240\sa240\keepn\nowidctlpar\wrapdefault\aspalpha\aspnum\faauto\adjustright\rin0\lin0\itap0\pararsid4265554 \rtlch\fcs1 \af0\afs20\alang1025 \ltrch\fcs0 \i\fs24\lang2057\langfe2057\cgrid\langnp2057\langfenp2057 {_x000d__x000a_\rtlch\fcs1 \af0 \ltrch\fcs0 \cs15\i0\v\f1\fs20\cf9\insrsid4265554\charrsid15879488 &lt;TitreJust&gt;}{\rtlch\fcs1 \af0 \ltrch\fcs0 \insrsid4265554\charrsid15879488 [ZJUSTIFICATION]}{\rtlch\fcs1 \af0 \ltrch\fcs0 _x000d__x000a_\cs15\i0\v\f1\fs20\cf9\insrsid4265554\charrsid15879488 &lt;/TitreJust&gt;}{\rtlch\fcs1 \af0 \ltrch\fcs0 \insrsid4265554\charrsid15879488 _x000d__x000a_\par }\pard\plain \ltrpar\s20\ql \li0\ri0\sa240\nowidctlpar\wrapdefault\aspalpha\aspnum\faauto\adjustright\rin0\lin0\itap0\pararsid4265554 \rtlch\fcs1 \af0\afs20\alang1025 \ltrch\fcs0 \i\fs24\lang2057\langfe2057\cgrid\langnp2057\langfenp2057 {\rtlch\fcs1 \af0 _x000d__x000a_\ltrch\fcs0 \cs15\i0\v\f1\fs20\cf9\insrsid4265554\charrsid15879488 &lt;OptDelPrev&gt;}{\rtlch\fcs1 \af0 \ltrch\fcs0 \insrsid4265554\charrsid15879488 [ZTEXTJUST]}{\rtlch\fcs1 \af0 \ltrch\fcs0 \cs15\i0\v\f1\fs20\cf9\insrsid4265554\charrsid15879488 &lt;/OptDelPrev&gt;}{_x000d__x000a_\rtlch\fcs1 \af0 \ltrch\fcs0 \insrsid4265554\charrsid15879488 _x000d__x000a_\par }\pard\plain \ltrpar\ql \li0\ri0\widctlpar\wrapdefault\aspalpha\aspnum\faauto\adjustright\rin0\lin0\itap0\pararsid4265554 \rtlch\fcs1 \af0\afs20\alang1025 \ltrch\fcs0 \fs24\lang2057\langfe2057\cgrid\langnp2057\langfenp2057 {\rtlch\fcs1 \af0 \ltrch\fcs0 _x000d__x000a_\cs15\v\f1\fs20\cf9\insrsid4265554\charrsid15879488 &lt;/AmendB&gt;}{\rtlch\fcs1 \af0 \ltrch\fcs0 \insrsid4265554\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27_x000d__x000a_cd82f2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599451 HideTWBExt;}{\s16\ql \li0\ri0\sa120\nowidctlpar\wrapdefault\aspalpha\aspnum\faauto\adjustright\rin0\lin0\itap0 \rtlch\fcs1 \af0\afs20\alang1025 \ltrch\fcs0 _x000d__x000a_\fs24\lang2057\langfe2057\cgrid\langnp2057\langfenp2057 \sbasedon0 \snext16 \slink17 \spriority0 \styrsid5599451 Normal6;}{\*\cs17 \additive \fs24 \slink16 \slocked \spriority0 \styrsid5599451 Normal6 Char;}{_x000d__x000a_\s18\ql \li0\ri0\nowidctlpar\wrapdefault\aspalpha\aspnum\faauto\adjustright\rin0\lin0\itap0 \rtlch\fcs1 \af0\afs20\alang1025 \ltrch\fcs0 \b\fs24\lang2057\langfe2057\cgrid\langnp2057\langfenp2057 \sbasedon0 \snext18 \slink19 \spriority0 \styrsid5599451 _x000d__x000a_NormalBold;}{\*\cs19 \additive \b\fs24 \slink18 \slocked \spriority0 \styrsid5599451 NormalBold Char;}{\s20\ql \li0\ri0\sa240\nowidctlpar\wrapdefault\aspalpha\aspnum\faauto\adjustright\rin0\lin0\itap0 \rtlch\fcs1 \af0\afs20\alang1025 \ltrch\fcs0 _x000d__x000a_\i\fs24\lang2057\langfe2057\cgrid\langnp2057\langfenp2057 \sbasedon0 \snext20 \spriority0 \styrsid5599451 Normal12Italic;}{\s21\qc \li0\ri0\sb240\nowidctlpar\wrapdefault\aspalpha\aspnum\faauto\adjustright\rin0\lin0\itap0 \rtlch\fcs1 \af0\afs20\alang1025 _x000d__x000a_\ltrch\fcs0 \i\fs24\lang2057\langfe2057\cgrid\langnp2057\langfenp2057 \sbasedon0 \snext21 \spriority0 \styrsid5599451 CrossRef;}{\s22\qc \li0\ri0\sb240\sa240\keepn\nowidctlpar\wrapdefault\aspalpha\aspnum\faauto\adjustright\rin0\lin0\itap0 \rtlch\fcs1 _x000d__x000a_\af0\afs20\alang1025 \ltrch\fcs0 \i\fs24\lang2057\langfe2057\cgrid\langnp2057\langfenp2057 \sbasedon0 \snext0 \spriority0 \styrsid5599451 JustificationTitle;}{_x000d__x000a_\s23\qc \li0\ri0\sa240\nowidctlpar\wrapdefault\aspalpha\aspnum\faauto\adjustright\rin0\lin0\itap0 \rtlch\fcs1 \af0\afs20\alang1025 \ltrch\fcs0 \i\fs24\lang2057\langfe2057\cgrid\langnp2057\langfenp2057 \sbasedon0 \snext23 \spriority0 \styrsid5599451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5599451 AMNumberTabs;}{_x000d__x000a_\s25\ql \li0\ri0\sb240\nowidctlpar\wrapdefault\aspalpha\aspnum\faauto\adjustright\rin0\lin0\itap0 \rtlch\fcs1 \af0\afs20\alang1025 \ltrch\fcs0 \b\fs24\lang2057\langfe2057\cgrid\langnp2057\langfenp2057 \sbasedon0 \snext25 \spriority0 \styrsid5599451 _x000d__x000a_NormalBold12b;}}{\*\rsidtbl \rsid24658\rsid735077\rsid2892074\rsid4666813\rsid5599451\rsid6641733\rsid9636012\rsid11215221\rsid12154954\rsid12588449\rsid14424199\rsid15204470\rsid15285974\rsid15950462\rsid16324206\rsid16662270}{\mmathPr\mmathFont34_x000d__x000a_\mbrkBin0\mbrkBinSub0\msmallFrac0\mdispDef1\mlMargin0\mrMargin0\mdefJc1\mwrapIndent1440\mintLim0\mnaryLim1}{\info{\author CERVENANSKA Ivona}{\operator CERVENANSKA Ivona}{\creatim\yr2018\mo11\dy15\hr15\min50}{\revtim\yr2018\mo11\dy15\hr15\min50}{\version1}_x000d__x000a_{\edmins0}{\nofpages1}{\nofwords54}{\nofchars318}{\*\company European Parliament}{\nofcharsws369}{\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599451\utinl \fet0{\*\wgrffmtfilter 013f}\ilfomacatclnup0{\*\template C:\\Users\\ICERVE~1\\AppData\\Local\\Temp\\Blank1.dot}{\*\ftnsep \ltrpar \pard\plain \ltrpar_x000d__x000a_\ql \li0\ri0\widctlpar\wrapdefault\aspalpha\aspnum\faauto\adjustright\rin0\lin0\itap0 \rtlch\fcs1 \af0\afs20\alang1025 \ltrch\fcs0 \fs24\lang2057\langfe2057\cgrid\langnp2057\langfenp2057 {\rtlch\fcs1 \af0 \ltrch\fcs0 \insrsid12588449 \chftnsep _x000d__x000a_\par }}{\*\ftnsepc \ltrpar \pard\plain \ltrpar\ql \li0\ri0\widctlpar\wrapdefault\aspalpha\aspnum\faauto\adjustright\rin0\lin0\itap0 \rtlch\fcs1 \af0\afs20\alang1025 \ltrch\fcs0 \fs24\lang2057\langfe2057\cgrid\langnp2057\langfenp2057 {\rtlch\fcs1 \af0 _x000d__x000a_\ltrch\fcs0 \insrsid12588449 \chftnsepc _x000d__x000a_\par }}{\*\aftnsep \ltrpar \pard\plain \ltrpar\ql \li0\ri0\widctlpar\wrapdefault\aspalpha\aspnum\faauto\adjustright\rin0\lin0\itap0 \rtlch\fcs1 \af0\afs20\alang1025 \ltrch\fcs0 \fs24\lang2057\langfe2057\cgrid\langnp2057\langfenp2057 {\rtlch\fcs1 \af0 _x000d__x000a_\ltrch\fcs0 \insrsid12588449 \chftnsep _x000d__x000a_\par }}{\*\aftnsepc \ltrpar \pard\plain \ltrpar\ql \li0\ri0\widctlpar\wrapdefault\aspalpha\aspnum\faauto\adjustright\rin0\lin0\itap0 \rtlch\fcs1 \af0\afs20\alang1025 \ltrch\fcs0 \fs24\lang2057\langfe2057\cgrid\langnp2057\langfenp2057 {\rtlch\fcs1 \af0 _x000d__x000a_\ltrch\fcs0 \insrsid125884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5599451 \rtlch\fcs1 \af0\afs20\alang1025 \ltrch\fcs0 \b\fs24\lang2057\langfe2057\cgrid\langnp2057\langfenp2057 {\rtlch\fcs1 \af0 \ltrch\fcs0 \cs15\b0\v\f1\fs20\cf9\insrsid5599451\charrsid15879488 {\*\bkmkstart restartB}&lt;AmendB&gt;}{_x000d__x000a_\rtlch\fcs1 \af0 \ltrch\fcs0 \insrsid5599451\charrsid15879488 [ZAMENDMENT]\tab \tab }{\rtlch\fcs1 \af0 \ltrch\fcs0 \cs15\b0\v\f1\fs20\cf9\insrsid5599451\charrsid15879488 &lt;NumAmB&gt;}{\rtlch\fcs1 \af0 \ltrch\fcs0 \insrsid5599451\charrsid15879488 [ZNRAM]}{_x000d__x000a_\rtlch\fcs1 \af0 \ltrch\fcs0 \cs15\b0\v\f1\fs20\cf9\insrsid5599451\charrsid15879488 &lt;/NumAmB&gt;}{\rtlch\fcs1 \af0 \ltrch\fcs0 \insrsid5599451\charrsid15879488 _x000d__x000a_\par }\pard\plain \ltrpar\s25\ql \li0\ri0\sb240\keepn\nowidctlpar\wrapdefault\aspalpha\aspnum\faauto\adjustright\rin0\lin0\itap0\pararsid5599451 \rtlch\fcs1 \af0\afs20\alang1025 \ltrch\fcs0 \b\fs24\lang2057\langfe2057\cgrid\langnp2057\langfenp2057 {_x000d__x000a_\rtlch\fcs1 \af0 \ltrch\fcs0 \cs15\b0\v\f1\fs20\cf9\insrsid5599451\charrsid15879488 &lt;DocAmend&gt;}{\rtlch\fcs1 \af0 \ltrch\fcs0 \insrsid5599451\charrsid15879488 [ZPROPOSAL][ZAMACT]}{\rtlch\fcs1 \af0 \ltrch\fcs0 _x000d__x000a_\cs15\b0\v\f1\fs20\cf9\insrsid5599451\charrsid15879488 &lt;/DocAmend&gt;}{\rtlch\fcs1 \af0 \ltrch\fcs0 \insrsid5599451\charrsid15879488 _x000d__x000a_\par }\pard\plain \ltrpar\s18\ql \li0\ri0\keepn\nowidctlpar\wrapdefault\aspalpha\aspnum\faauto\adjustright\rin0\lin0\itap0\pararsid5599451 \rtlch\fcs1 \af0\afs20\alang1025 \ltrch\fcs0 \b\fs24\lang2057\langfe2057\cgrid\langnp2057\langfenp2057 {\rtlch\fcs1 \af0 _x000d__x000a_\ltrch\fcs0 \cs15\b0\v\f1\fs20\cf9\insrsid5599451\charrsid15879488 &lt;Article&gt;}{\rtlch\fcs1 \af0 \ltrch\fcs0 \insrsid5599451\charrsid15879488 [ZAMPART]}{\rtlch\fcs1 \af0 \ltrch\fcs0 \cs15\b0\v\f1\fs20\cf9\insrsid5599451\charrsid15879488 &lt;/Article&gt;}{_x000d__x000a_\rtlch\fcs1 \af0 \ltrch\fcs0 \insrsid5599451\charrsid15879488 _x000d__x000a_\par }\pard\plain \ltrpar\ql \li0\ri0\keepn\widctlpar\wrapdefault\aspalpha\aspnum\faauto\adjustright\rin0\lin0\itap0\pararsid5599451 \rtlch\fcs1 \af0\afs20\alang1025 \ltrch\fcs0 \fs24\lang2057\langfe2057\cgrid\langnp2057\langfenp2057 {\rtlch\fcs1 \af0 _x000d__x000a_\ltrch\fcs0 \cs15\v\f1\fs20\cf9\insrsid5599451\charrsid15879488 &lt;DocAmend2&gt;&lt;OptDel&gt;}{\rtlch\fcs1 \af0 \ltrch\fcs0 \insrsid5599451\charrsid15879488 [ZNRACT]}{\rtlch\fcs1 \af0 \ltrch\fcs0 \cs15\v\f1\fs20\cf9\insrsid5599451\charrsid15879488 _x000d__x000a_&lt;/OptDel&gt;&lt;/DocAmend2&gt;}{\rtlch\fcs1 \af0 \ltrch\fcs0 \insrsid5599451\charrsid15879488 _x000d__x000a_\par }\pard \ltrpar\ql \li0\ri0\widctlpar\wrapdefault\aspalpha\aspnum\faauto\adjustright\rin0\lin0\itap0\pararsid5599451 {\rtlch\fcs1 \af0 \ltrch\fcs0 \cs15\v\f1\fs20\cf9\insrsid5599451\charrsid15879488 &lt;Article2&gt;&lt;OptDel&gt;}{\rtlch\fcs1 \af0 \ltrch\fcs0 _x000d__x000a_\insrsid5599451\charrsid15879488 [ZACTPART]}{\rtlch\fcs1 \af0 \ltrch\fcs0 \cs15\v\f1\fs20\cf9\insrsid5599451\charrsid15879488 &lt;/OptDel&gt;&lt;/Article2&gt;}{\rtlch\fcs1 \af0 \ltrch\fcs0 \insrsid5599451\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5599451\charrsid15879488 \cell }\pard \ltrpar\ql \li0\ri0\widctlpar\intbl\wrapdefault\aspalpha\aspnum\faauto\adjustright\rin0\lin0 {\rtlch\fcs1 \af0 \ltrch\fcs0 \insrsid5599451\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5599451\charrsid15879488 [ZLEFTB]\cell [ZRIGHT]\cell }\pard\plain \ltrpar\ql \li0\ri0\widctlpar\intbl\wrapdefault\aspalpha\aspnum\faauto\adjustright\rin0\lin0 \rtlch\fcs1 \af0\afs20\alang1025 \ltrch\fcs0 _x000d__x000a_\fs24\lang2057\langfe2057\cgrid\langnp2057\langfenp2057 {\rtlch\fcs1 \af0 \ltrch\fcs0 \insrsid5599451\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5599451\charrsid15879488 [ZTEXTL]\cell [ZTEXTR]}{\rtlch\fcs1 \af0\afs24 \ltrch\fcs0 \insrsid5599451\charrsid15879488 \cell }\pard\plain \ltrpar\ql \li0\ri0\widctlpar\intbl\wrapdefault\aspalpha\aspnum\faauto\adjustright\rin0\lin0 \rtlch\fcs1 _x000d__x000a_\af0\afs20\alang1025 \ltrch\fcs0 \fs24\lang2057\langfe2057\cgrid\langnp2057\langfenp2057 {\rtlch\fcs1 \af0 \ltrch\fcs0 \insrsid5599451\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5599451 \rtlch\fcs1 \af0\afs20\alang1025 \ltrch\fcs0 \i\fs24\lang2057\langfe2057\cgrid\langnp2057\langfenp2057 {\rtlch\fcs1 \af0 \ltrch\fcs0 _x000d__x000a_\cs15\i0\v\f1\fs20\cf9\insrsid5599451\charrsid15879488 &lt;OptDel&gt;}{\rtlch\fcs1 \af0 \ltrch\fcs0 \insrsid5599451\charrsid15879488 [ZCROSSREF]}{\rtlch\fcs1 \af0 \ltrch\fcs0 \cs15\i0\v\f1\fs20\cf9\insrsid5599451\charrsid15879488 &lt;/OptDel&gt;}{\rtlch\fcs1 \af0 _x000d__x000a_\ltrch\fcs0 \insrsid5599451\charrsid15879488 _x000d__x000a_\par }\pard\plain \ltrpar\s22\qc \li0\ri0\sb240\sa240\keepn\nowidctlpar\wrapdefault\aspalpha\aspnum\faauto\adjustright\rin0\lin0\itap0\pararsid5599451 \rtlch\fcs1 \af0\afs20\alang1025 \ltrch\fcs0 \i\fs24\lang2057\langfe2057\cgrid\langnp2057\langfenp2057 {_x000d__x000a_\rtlch\fcs1 \af0 \ltrch\fcs0 \cs15\i0\v\f1\fs20\cf9\insrsid5599451\charrsid15879488 &lt;TitreJust&gt;}{\rtlch\fcs1 \af0 \ltrch\fcs0 \insrsid5599451\charrsid15879488 [ZJUSTIFICATION]}{\rtlch\fcs1 \af0 \ltrch\fcs0 _x000d__x000a_\cs15\i0\v\f1\fs20\cf9\insrsid5599451\charrsid15879488 &lt;/TitreJust&gt;}{\rtlch\fcs1 \af0 \ltrch\fcs0 \insrsid5599451\charrsid15879488 _x000d__x000a_\par }\pard\plain \ltrpar\s20\ql \li0\ri0\sa240\nowidctlpar\wrapdefault\aspalpha\aspnum\faauto\adjustright\rin0\lin0\itap0\pararsid5599451 \rtlch\fcs1 \af0\afs20\alang1025 \ltrch\fcs0 \i\fs24\lang2057\langfe2057\cgrid\langnp2057\langfenp2057 {\rtlch\fcs1 \af0 _x000d__x000a_\ltrch\fcs0 \cs15\i0\v\f1\fs20\cf9\insrsid5599451\charrsid15879488 &lt;OptDelPrev&gt;}{\rtlch\fcs1 \af0 \ltrch\fcs0 \insrsid5599451\charrsid15879488 [ZTEXTJUST]}{\rtlch\fcs1 \af0 \ltrch\fcs0 \cs15\i0\v\f1\fs20\cf9\insrsid5599451\charrsid15879488 &lt;/OptDelPrev&gt;}{_x000d__x000a_\rtlch\fcs1 \af0 \ltrch\fcs0 \insrsid5599451\charrsid15879488 _x000d__x000a_\par }\pard\plain \ltrpar\ql \li0\ri0\widctlpar\wrapdefault\aspalpha\aspnum\faauto\adjustright\rin0\lin0\itap0\pararsid5599451 \rtlch\fcs1 \af0\afs20\alang1025 \ltrch\fcs0 \fs24\lang2057\langfe2057\cgrid\langnp2057\langfenp2057 {\rtlch\fcs1 \af0 \ltrch\fcs0 _x000d__x000a_\cs15\v\f1\fs20\cf9\insrsid5599451\charrsid15879488 &lt;/AmendB&gt;}{\rtlch\fcs1 \af0 \ltrch\fcs0 \insrsid5599451\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1f_x000d__x000a_b87ff2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69"/>
    <w:docVar w:name="TITLECODMNU" w:val=" 1"/>
    <w:docVar w:name="TXTLANGUE" w:val="RO"/>
    <w:docVar w:name="TXTLANGUEMIN" w:val="ro"/>
    <w:docVar w:name="TXTNRC" w:val="0257/2018"/>
    <w:docVar w:name="TXTNRCOM" w:val="(2018)0439"/>
    <w:docVar w:name="TXTNRFIRSTAM" w:val="1"/>
    <w:docVar w:name="TXTNRLASTAM" w:val="90"/>
    <w:docVar w:name="TXTNRPE" w:val="625.320"/>
    <w:docVar w:name="TXTNRPROC" w:val="2018/0229"/>
    <w:docVar w:name="TXTPEorAP" w:val="PE"/>
    <w:docVar w:name="TXTROUTE" w:val="AD\1169267RO.docx"/>
    <w:docVar w:name="TXTVERSION" w:val="03-00"/>
  </w:docVars>
  <w:rsids>
    <w:rsidRoot w:val="001C2ACD"/>
    <w:rsid w:val="0002298D"/>
    <w:rsid w:val="00026559"/>
    <w:rsid w:val="0004474F"/>
    <w:rsid w:val="00072C58"/>
    <w:rsid w:val="00081983"/>
    <w:rsid w:val="00096A92"/>
    <w:rsid w:val="000C32CE"/>
    <w:rsid w:val="00134974"/>
    <w:rsid w:val="00141CD7"/>
    <w:rsid w:val="00171BF4"/>
    <w:rsid w:val="001745E1"/>
    <w:rsid w:val="001820A9"/>
    <w:rsid w:val="00190B65"/>
    <w:rsid w:val="001A633B"/>
    <w:rsid w:val="001B0A1E"/>
    <w:rsid w:val="001C0886"/>
    <w:rsid w:val="001C2ACD"/>
    <w:rsid w:val="001D347D"/>
    <w:rsid w:val="001E3AC4"/>
    <w:rsid w:val="00246C64"/>
    <w:rsid w:val="002E499C"/>
    <w:rsid w:val="00304EA8"/>
    <w:rsid w:val="00316324"/>
    <w:rsid w:val="00323BAB"/>
    <w:rsid w:val="00341A99"/>
    <w:rsid w:val="00342EEB"/>
    <w:rsid w:val="00351F7B"/>
    <w:rsid w:val="003531D4"/>
    <w:rsid w:val="00360FAA"/>
    <w:rsid w:val="0036644F"/>
    <w:rsid w:val="0038294E"/>
    <w:rsid w:val="003A2F84"/>
    <w:rsid w:val="003C7390"/>
    <w:rsid w:val="003E44D6"/>
    <w:rsid w:val="0040055C"/>
    <w:rsid w:val="00435433"/>
    <w:rsid w:val="004438D0"/>
    <w:rsid w:val="004512F8"/>
    <w:rsid w:val="00474E4B"/>
    <w:rsid w:val="00487596"/>
    <w:rsid w:val="004B6C6C"/>
    <w:rsid w:val="004C2A0D"/>
    <w:rsid w:val="004F23BA"/>
    <w:rsid w:val="00522B51"/>
    <w:rsid w:val="00530FB5"/>
    <w:rsid w:val="00562C8A"/>
    <w:rsid w:val="005C7DC0"/>
    <w:rsid w:val="00613134"/>
    <w:rsid w:val="006464C1"/>
    <w:rsid w:val="006627F3"/>
    <w:rsid w:val="00691B1C"/>
    <w:rsid w:val="006A0F0A"/>
    <w:rsid w:val="006A48AA"/>
    <w:rsid w:val="006B1267"/>
    <w:rsid w:val="006D292E"/>
    <w:rsid w:val="00712462"/>
    <w:rsid w:val="00722824"/>
    <w:rsid w:val="0078548A"/>
    <w:rsid w:val="0078746B"/>
    <w:rsid w:val="007F187F"/>
    <w:rsid w:val="00803EC3"/>
    <w:rsid w:val="00817D13"/>
    <w:rsid w:val="00820C7D"/>
    <w:rsid w:val="00833D11"/>
    <w:rsid w:val="00836D37"/>
    <w:rsid w:val="00836FD3"/>
    <w:rsid w:val="00846A5F"/>
    <w:rsid w:val="00904864"/>
    <w:rsid w:val="009052FE"/>
    <w:rsid w:val="00924555"/>
    <w:rsid w:val="00942082"/>
    <w:rsid w:val="00982B83"/>
    <w:rsid w:val="009857B4"/>
    <w:rsid w:val="009E7319"/>
    <w:rsid w:val="00A422A6"/>
    <w:rsid w:val="00A57BA9"/>
    <w:rsid w:val="00AB209E"/>
    <w:rsid w:val="00AC6CBF"/>
    <w:rsid w:val="00B256AA"/>
    <w:rsid w:val="00B346A6"/>
    <w:rsid w:val="00B476DC"/>
    <w:rsid w:val="00B53872"/>
    <w:rsid w:val="00B556CD"/>
    <w:rsid w:val="00B62D4B"/>
    <w:rsid w:val="00B74038"/>
    <w:rsid w:val="00BA532D"/>
    <w:rsid w:val="00BC7E0A"/>
    <w:rsid w:val="00BD1F76"/>
    <w:rsid w:val="00BE20CF"/>
    <w:rsid w:val="00C22327"/>
    <w:rsid w:val="00C226B8"/>
    <w:rsid w:val="00C4036D"/>
    <w:rsid w:val="00C72718"/>
    <w:rsid w:val="00C75E98"/>
    <w:rsid w:val="00CC45A9"/>
    <w:rsid w:val="00CF5159"/>
    <w:rsid w:val="00D25CF2"/>
    <w:rsid w:val="00D34CA6"/>
    <w:rsid w:val="00D6254D"/>
    <w:rsid w:val="00D74FD1"/>
    <w:rsid w:val="00D943A5"/>
    <w:rsid w:val="00DA0F01"/>
    <w:rsid w:val="00DB56E4"/>
    <w:rsid w:val="00E03D02"/>
    <w:rsid w:val="00E27F01"/>
    <w:rsid w:val="00E55B8E"/>
    <w:rsid w:val="00EB7D99"/>
    <w:rsid w:val="00EF33D5"/>
    <w:rsid w:val="00F15744"/>
    <w:rsid w:val="00F24D40"/>
    <w:rsid w:val="00F539F0"/>
    <w:rsid w:val="00F87707"/>
    <w:rsid w:val="00F928EA"/>
    <w:rsid w:val="00FB552D"/>
    <w:rsid w:val="00FE5B6F"/>
    <w:rsid w:val="00FF5AD8"/>
    <w:rsid w:val="00FF7067"/>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102D9D61-F19B-4837-B2CD-9837B8B6DB8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ro-RO"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ro-RO"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ro-RO"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BalloonText">
    <w:name w:val="Balloon Text"/>
    <w:basedOn w:val="Normal"/>
    <w:link w:val="BalloonTextChar"/>
    <w:rsid w:val="00846A5F"/>
    <w:rPr>
      <w:rFonts w:ascii="Segoe UI" w:hAnsi="Segoe UI" w:cs="Segoe UI"/>
      <w:sz w:val="18"/>
      <w:szCs w:val="18"/>
    </w:rPr>
  </w:style>
  <w:style w:type="character" w:customStyle="1" w:styleId="BalloonTextChar">
    <w:name w:val="Balloon Text Char"/>
    <w:basedOn w:val="DefaultParagraphFont"/>
    <w:link w:val="BalloonText"/>
    <w:rsid w:val="00846A5F"/>
    <w:rPr>
      <w:rFonts w:ascii="Segoe UI" w:hAnsi="Segoe UI" w:cs="Segoe UI"/>
      <w:sz w:val="18"/>
      <w:szCs w:val="18"/>
    </w:rPr>
  </w:style>
  <w:style w:type="paragraph" w:styleId="ListParagraph">
    <w:name w:val="List Paragraph"/>
    <w:basedOn w:val="Normal"/>
    <w:uiPriority w:val="34"/>
    <w:qFormat/>
    <w:rsid w:val="00846A5F"/>
    <w:pPr>
      <w:ind w:left="720"/>
      <w:contextualSpacing/>
      <w:jc w:val="both"/>
    </w:pPr>
    <w:rPr>
      <w:rFonts w:eastAsia="Calibri"/>
      <w:lang w:eastAsia="en-US"/>
    </w:rPr>
  </w:style>
  <w:style w:type="character" w:customStyle="1" w:styleId="Sup">
    <w:name w:val="Sup"/>
    <w:rsid w:val="0078746B"/>
    <w:rPr>
      <w:color w:val="000000"/>
      <w:vertAlign w:val="superscript"/>
    </w:rPr>
  </w:style>
  <w:style w:type="paragraph" w:customStyle="1" w:styleId="NormalTabs">
    <w:name w:val="NormalTabs"/>
    <w:basedOn w:val="Normal"/>
    <w:qFormat/>
    <w:rsid w:val="00B346A6"/>
    <w:pPr>
      <w:widowControl w:val="0"/>
      <w:tabs>
        <w:tab w:val="center" w:pos="284"/>
        <w:tab w:val="left" w:pos="426"/>
      </w:tabs>
    </w:pPr>
    <w:rPr>
      <w:snapToGrid w:val="0"/>
      <w:szCs w:val="20"/>
      <w:lang w:eastAsia="en-US"/>
    </w:rPr>
  </w:style>
  <w:style w:type="character" w:styleId="CommentReference">
    <w:name w:val="annotation reference"/>
    <w:basedOn w:val="DefaultParagraphFont"/>
    <w:rsid w:val="00CC45A9"/>
    <w:rPr>
      <w:sz w:val="16"/>
      <w:szCs w:val="16"/>
    </w:rPr>
  </w:style>
  <w:style w:type="paragraph" w:styleId="CommentText">
    <w:name w:val="annotation text"/>
    <w:basedOn w:val="Normal"/>
    <w:link w:val="CommentTextChar"/>
    <w:rsid w:val="00CC45A9"/>
    <w:rPr>
      <w:sz w:val="20"/>
      <w:szCs w:val="20"/>
    </w:rPr>
  </w:style>
  <w:style w:type="character" w:customStyle="1" w:styleId="CommentTextChar">
    <w:name w:val="Comment Text Char"/>
    <w:basedOn w:val="DefaultParagraphFont"/>
    <w:link w:val="CommentText"/>
    <w:rsid w:val="00CC45A9"/>
  </w:style>
  <w:style w:type="paragraph" w:styleId="CommentSubject">
    <w:name w:val="annotation subject"/>
    <w:basedOn w:val="CommentText"/>
    <w:next w:val="CommentText"/>
    <w:link w:val="CommentSubjectChar"/>
    <w:rsid w:val="00CC45A9"/>
    <w:rPr>
      <w:b/>
      <w:bCs/>
    </w:rPr>
  </w:style>
  <w:style w:type="character" w:customStyle="1" w:styleId="CommentSubjectChar">
    <w:name w:val="Comment Subject Char"/>
    <w:basedOn w:val="CommentTextChar"/>
    <w:link w:val="CommentSubject"/>
    <w:rsid w:val="00CC45A9"/>
    <w:rPr>
      <w:b/>
      <w:bCs/>
    </w:rPr>
  </w:style>
  <w:style w:type="paragraph" w:styleId="Revision">
    <w:name w:val="Revision"/>
    <w:hidden/>
    <w:uiPriority w:val="99"/>
    <w:semiHidden/>
    <w:rsid w:val="00CC45A9"/>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1817105-F903-4295-816C-9BB8B4305B2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4</Pages>
  <Words>12228</Words>
  <Characters>82145</Characters>
  <Application>Microsoft Office Word</Application>
  <DocSecurity>0</DocSecurity>
  <Lines>3571</Lines>
  <Paragraphs>1451</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9292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SOLL Susan Benzon</dc:creator>
  <cp:keywords/>
  <dc:description/>
  <cp:lastModifiedBy>DIACONESCU Simona</cp:lastModifiedBy>
  <cp:revision>2</cp:revision>
  <cp:lastPrinted>2018-11-15T15:30:00Z</cp:lastPrinted>
  <dcterms:created xsi:type="dcterms:W3CDTF">2019-01-04T09:53:00Z</dcterms:created>
  <dcterms:modified xsi:type="dcterms:W3CDTF">2019-01-04T09: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0 Build [20181001]</vt:lpwstr>
  </property>
  <property fmtid="{D5CDD505-2E9C-101B-9397-08002B2CF9AE}" pid="4" name="&lt;FdR&gt;">
    <vt:lpwstr>1169267</vt:lpwstr>
  </property>
  <property fmtid="{D5CDD505-2E9C-101B-9397-08002B2CF9AE}" pid="5" name="&lt;Type&gt;">
    <vt:lpwstr>AD</vt:lpwstr>
  </property>
  <property fmtid="{D5CDD505-2E9C-101B-9397-08002B2CF9AE}" pid="6" name="&lt;ModelCod&gt;">
    <vt:lpwstr>\\eiciBRUpr1\pdocep$\DocEP\DOCS\General\PA\PA_Legam.dot(14/11/2017 12:18:10)</vt:lpwstr>
  </property>
  <property fmtid="{D5CDD505-2E9C-101B-9397-08002B2CF9AE}" pid="7" name="&lt;ModelTra&gt;">
    <vt:lpwstr>\\eiciBRUpr1\pdocep$\DocEP\TRANSFIL\EN\PA_Legam.EN(01/02/2018 11:41:30)</vt:lpwstr>
  </property>
  <property fmtid="{D5CDD505-2E9C-101B-9397-08002B2CF9AE}" pid="8" name="&lt;Model&gt;">
    <vt:lpwstr>PA_Legam</vt:lpwstr>
  </property>
  <property fmtid="{D5CDD505-2E9C-101B-9397-08002B2CF9AE}" pid="9" name="FooterPath">
    <vt:lpwstr>AD\1169267RO.docx</vt:lpwstr>
  </property>
  <property fmtid="{D5CDD505-2E9C-101B-9397-08002B2CF9AE}" pid="10" name="PE number">
    <vt:lpwstr>625.320</vt:lpwstr>
  </property>
  <property fmtid="{D5CDD505-2E9C-101B-9397-08002B2CF9AE}" pid="11" name="SubscribeElise">
    <vt:lpwstr/>
  </property>
  <property fmtid="{D5CDD505-2E9C-101B-9397-08002B2CF9AE}" pid="12" name="SendToEpades">
    <vt:lpwstr>OK(AMNUM) - 2018/11/21 14:10</vt:lpwstr>
  </property>
  <property fmtid="{D5CDD505-2E9C-101B-9397-08002B2CF9AE}" pid="13" name="SDLStudio">
    <vt:lpwstr/>
  </property>
  <property fmtid="{D5CDD505-2E9C-101B-9397-08002B2CF9AE}" pid="14" name="&lt;Extension&gt;">
    <vt:lpwstr>RO</vt:lpwstr>
  </property>
  <property fmtid="{D5CDD505-2E9C-101B-9397-08002B2CF9AE}" pid="15" name="Bookout">
    <vt:lpwstr>OK - 2019/01/04 10:53</vt:lpwstr>
  </property>
</Properties>
</file>